
<file path=[Content_Types].xml><?xml version="1.0" encoding="utf-8"?>
<Types xmlns="http://schemas.openxmlformats.org/package/2006/content-types">
  <Default Extension="emf" ContentType="image/x-emf"/>
  <Default Extension="jpg" ContentType="image/jpeg"/>
  <Default Extension="png" ContentType="image/png"/>
  <Default Extension="rels" ContentType="application/vnd.openxmlformats-package.relationships+xml"/>
  <Default Extension="wmf" ContentType="image/x-wmf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3F32F00F" w14:textId="77777777" w:rsidR="00293C98" w:rsidRDefault="00293C98"/>
    <w:p w14:paraId="20304E63" w14:textId="77777777" w:rsidR="006F6BB4" w:rsidRDefault="006F6BB4"/>
    <w:tbl>
      <w:tblPr>
        <w:tblStyle w:val="TableGrid"/>
        <w:tblpPr w:leftFromText="141" w:rightFromText="141" w:vertAnchor="text" w:tblpXSpec="center" w:tblpY="1"/>
        <w:tblOverlap w:val="never"/>
        <w:tblW w:w="9351" w:type="dxa"/>
        <w:tblLayout w:type="fixed"/>
        <w:tblLook w:val="04A0" w:firstRow="1" w:lastRow="0" w:firstColumn="1" w:lastColumn="0" w:noHBand="0" w:noVBand="1"/>
      </w:tblPr>
      <w:tblGrid>
        <w:gridCol w:w="4537"/>
        <w:gridCol w:w="4814"/>
      </w:tblGrid>
      <w:tr w:rsidR="00775EB6" w:rsidRPr="003334BE" w14:paraId="5A4ECC9D" w14:textId="77777777" w:rsidTr="000D2A86">
        <w:trPr>
          <w:trHeight w:val="544"/>
        </w:trPr>
        <w:tc>
          <w:tcPr>
            <w:tcW w:w="4537" w:type="dxa"/>
            <w:noWrap/>
            <w:hideMark/>
          </w:tcPr>
          <w:p w14:paraId="783BE4C2" w14:textId="77777777"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bookmarkStart w:id="0" w:name="_DV_X0"/>
          </w:p>
          <w:p w14:paraId="2CC3DA8B" w14:textId="77777777" w:rsid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SITE ID </w:t>
            </w:r>
            <w:r w:rsidR="0001188C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3D42B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AGBATA</w:t>
            </w:r>
          </w:p>
          <w:p w14:paraId="70A3C7E8" w14:textId="77777777" w:rsidR="00E319B5" w:rsidRPr="0001188C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5638FF13" w14:textId="77777777" w:rsidR="00E315F5" w:rsidRPr="0001188C" w:rsidRDefault="0001188C" w:rsidP="000D2A86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Nom du </w:t>
            </w:r>
            <w:r w:rsidR="00DB1629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ite 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>
              <w:rPr>
                <w:noProof/>
              </w:rPr>
              <w:t xml:space="preserve"> </w:t>
            </w:r>
            <w:r w:rsidR="003D42BA">
              <w:rPr>
                <w:noProof/>
              </w:rPr>
              <w:t>AGBATA</w:t>
            </w:r>
          </w:p>
        </w:tc>
        <w:tc>
          <w:tcPr>
            <w:tcW w:w="4814" w:type="dxa"/>
            <w:noWrap/>
            <w:hideMark/>
          </w:tcPr>
          <w:p w14:paraId="639E560A" w14:textId="77777777"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14:paraId="4C57AB2D" w14:textId="77777777" w:rsidR="003334BE" w:rsidRPr="003334BE" w:rsidRDefault="0001188C" w:rsidP="00500010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estataire</w:t>
            </w:r>
            <w:r w:rsidR="00055BC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8553A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IME</w:t>
            </w:r>
          </w:p>
        </w:tc>
      </w:tr>
      <w:tr w:rsidR="00EF6CB9" w:rsidRPr="003334BE" w14:paraId="04A5E988" w14:textId="77777777" w:rsidTr="0076208A">
        <w:trPr>
          <w:trHeight w:val="70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14:paraId="1C0C9920" w14:textId="77777777"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14:paraId="2A5B1E4B" w14:textId="77777777"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  <w:r w:rsidRPr="003334BE"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  <w:t> </w:t>
            </w:r>
          </w:p>
        </w:tc>
      </w:tr>
      <w:tr w:rsidR="00775EB6" w:rsidRPr="002B4D64" w14:paraId="5B9533CA" w14:textId="77777777" w:rsidTr="0076208A">
        <w:trPr>
          <w:trHeight w:val="544"/>
        </w:trPr>
        <w:tc>
          <w:tcPr>
            <w:tcW w:w="4537" w:type="dxa"/>
            <w:noWrap/>
            <w:hideMark/>
          </w:tcPr>
          <w:p w14:paraId="6BFCC86A" w14:textId="77777777" w:rsidR="00293C98" w:rsidRDefault="00293C98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14:paraId="5BA18BAF" w14:textId="77777777" w:rsidR="003334BE" w:rsidRPr="00881168" w:rsidRDefault="0001188C" w:rsidP="00101559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de </w:t>
            </w:r>
            <w:r w:rsidR="00B7074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ébut:</w:t>
            </w:r>
            <w:r w:rsidR="00C37C7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3D42B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20</w:t>
            </w:r>
            <w:r w:rsidR="00B20B8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</w:t>
            </w:r>
            <w:r w:rsidR="00101559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10</w:t>
            </w:r>
            <w:r w:rsid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20</w:t>
            </w:r>
            <w:r w:rsidR="003B6818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20</w:t>
            </w:r>
          </w:p>
        </w:tc>
        <w:tc>
          <w:tcPr>
            <w:tcW w:w="4814" w:type="dxa"/>
            <w:noWrap/>
            <w:hideMark/>
          </w:tcPr>
          <w:p w14:paraId="5F78981B" w14:textId="77777777" w:rsidR="00293C98" w:rsidRDefault="00293C98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3070345A" w14:textId="77777777" w:rsidR="003334BE" w:rsidRPr="002B4D64" w:rsidRDefault="0001188C" w:rsidP="003D42BA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Date de </w:t>
            </w:r>
            <w:r w:rsidR="0052205C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mise en </w:t>
            </w:r>
            <w:r w:rsidR="00B7074A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ervice:</w:t>
            </w:r>
            <w:r w:rsidR="00055BC5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3D42B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07</w:t>
            </w:r>
            <w:r w:rsidR="00101559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10</w:t>
            </w:r>
            <w:r w:rsidR="00E132B3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2020</w:t>
            </w:r>
          </w:p>
        </w:tc>
      </w:tr>
      <w:tr w:rsidR="00EF6CB9" w:rsidRPr="002B4D64" w14:paraId="37E93607" w14:textId="77777777" w:rsidTr="0076208A">
        <w:trPr>
          <w:trHeight w:val="54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14:paraId="05F0B716" w14:textId="77777777"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14:paraId="7EAC6D47" w14:textId="77777777"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</w:tr>
      <w:tr w:rsidR="00775EB6" w:rsidRPr="00FB7DC9" w14:paraId="42D416F8" w14:textId="77777777" w:rsidTr="0076208A">
        <w:trPr>
          <w:trHeight w:val="559"/>
        </w:trPr>
        <w:tc>
          <w:tcPr>
            <w:tcW w:w="4537" w:type="dxa"/>
            <w:noWrap/>
            <w:hideMark/>
          </w:tcPr>
          <w:p w14:paraId="08CA807D" w14:textId="77777777" w:rsidR="00055BC5" w:rsidRPr="003334BE" w:rsidRDefault="0001188C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ate p</w:t>
            </w:r>
            <w:r w:rsidR="00E51DB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roposée</w:t>
            </w: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pour l’acceptance:</w:t>
            </w:r>
            <w:r w:rsidR="00101559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30/10/2020</w:t>
            </w:r>
            <w:r w:rsidR="0013007B"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ab/>
            </w:r>
          </w:p>
        </w:tc>
        <w:tc>
          <w:tcPr>
            <w:tcW w:w="4814" w:type="dxa"/>
            <w:noWrap/>
            <w:hideMark/>
          </w:tcPr>
          <w:p w14:paraId="5BAFFBFF" w14:textId="77777777" w:rsidR="0001188C" w:rsidRPr="0001188C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</w:t>
            </w:r>
            <w:r w:rsidR="00BE78E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AVIS DU RESPONSABLE RADIO GSM_TGC</w:t>
            </w:r>
            <w:r w:rsid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:</w:t>
            </w:r>
          </w:p>
          <w:p w14:paraId="09635582" w14:textId="77777777" w:rsidR="00EF6CB9" w:rsidRPr="0001188C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  <w:t>.................................................</w:t>
            </w:r>
          </w:p>
        </w:tc>
      </w:tr>
      <w:bookmarkEnd w:id="0"/>
      <w:tr w:rsidR="00FB7DC9" w:rsidRPr="00FB7DC9" w14:paraId="61E6E498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D9D9D9" w:themeFill="background1" w:themeFillShade="D9"/>
          </w:tcPr>
          <w:p w14:paraId="5D821184" w14:textId="77777777"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b/>
                <w:spacing w:val="-2"/>
                <w:sz w:val="22"/>
                <w:szCs w:val="22"/>
                <w:lang w:val="fr-FR"/>
              </w:rPr>
              <w:t>PROCESS :</w:t>
            </w:r>
          </w:p>
        </w:tc>
      </w:tr>
      <w:tr w:rsidR="00FB7DC9" w:rsidRPr="002B4D64" w14:paraId="464E0892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14:paraId="71DC8DC8" w14:textId="77777777"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Description</w:t>
            </w:r>
            <w:r w:rsidR="00BE78ED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_ Sommaire des Travaux réalisés</w:t>
            </w: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:</w:t>
            </w:r>
          </w:p>
          <w:p w14:paraId="35382772" w14:textId="079F35AE" w:rsidR="00FB7DC9" w:rsidRPr="00E319B5" w:rsidRDefault="00BE78ED" w:rsidP="00E21896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Travaux d’installation &amp; Mise en service New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_ </w:t>
            </w: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sit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540709">
              <w:rPr>
                <w:noProof/>
              </w:rPr>
              <w:t xml:space="preserve"> AGBATA</w:t>
            </w:r>
            <w:r w:rsidR="00540709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/Config</w:t>
            </w:r>
            <w:r w:rsidR="003F3C76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7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..</w:t>
            </w:r>
          </w:p>
        </w:tc>
      </w:tr>
      <w:tr w:rsidR="00FB7DC9" w:rsidRPr="00FB7DC9" w14:paraId="2CF8D791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14:paraId="3AAB9FCF" w14:textId="77777777" w:rsidR="00FB7DC9" w:rsidRPr="0052205C" w:rsidRDefault="00BE78ED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Contrôle Sommaire des</w:t>
            </w:r>
            <w:r w:rsidR="00B7074A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FB7DC9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Travaux réalisés</w:t>
            </w:r>
            <w:r w:rsidR="00C078C3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 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: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                                   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493BA869" wp14:editId="10B88EC7">
                  <wp:extent cx="182862" cy="153094"/>
                  <wp:effectExtent l="0" t="0" r="8255" b="0"/>
                  <wp:docPr id="1" name="Imag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93162" cy="161717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134A187A" wp14:editId="1C99ABEE">
                  <wp:extent cx="180975" cy="151514"/>
                  <wp:effectExtent l="0" t="0" r="0" b="1270"/>
                  <wp:docPr id="13" name="Image 1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88919" cy="158165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tbl>
            <w:tblPr>
              <w:tblW w:w="8784" w:type="dxa"/>
              <w:tblLayout w:type="fixed"/>
              <w:tblCellMar>
                <w:left w:w="70" w:type="dxa"/>
                <w:right w:w="70" w:type="dxa"/>
              </w:tblCellMar>
              <w:tblLook w:val="04A0" w:firstRow="1" w:lastRow="0" w:firstColumn="1" w:lastColumn="0" w:noHBand="0" w:noVBand="1"/>
            </w:tblPr>
            <w:tblGrid>
              <w:gridCol w:w="7083"/>
              <w:gridCol w:w="850"/>
              <w:gridCol w:w="851"/>
            </w:tblGrid>
            <w:tr w:rsidR="00C078C3" w:rsidRPr="00953232" w14:paraId="69DA5142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651E88B6" w14:textId="77777777" w:rsidR="00C078C3" w:rsidRPr="00E319B5" w:rsidRDefault="00C078C3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Aspect visuel installation, étiquetage équipement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F6F9704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70159AE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1DC23E38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776C4423" w14:textId="77777777" w:rsidR="00C078C3" w:rsidRPr="00E319B5" w:rsidRDefault="00C078C3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HW check et Mesures ROS des secteurs BTS Term.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F7EF9E4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5454705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03387F90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3FD9B50C" w14:textId="77777777" w:rsidR="00C078C3" w:rsidRPr="00E319B5" w:rsidRDefault="00C078C3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s HBA et azimuts conforme APD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E036ADF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427BADE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31EBCC18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29827189" w14:textId="77777777" w:rsidR="00C078C3" w:rsidRPr="00E319B5" w:rsidRDefault="00C078C3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 la stabilité des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interfaces de Transmission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(à partir du MPR</w:t>
                  </w:r>
                  <w:r w:rsidR="00E139AE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/ou du Net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)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Abis, Iub, S1 et X2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C4A4D6C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988D8A4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75BC4D54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3E017741" w14:textId="77777777" w:rsidR="00C078C3" w:rsidRPr="00E319B5" w:rsidRDefault="00C078C3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st des alarmes extern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948DDD7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B736A27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6983ED0D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53EF96AF" w14:textId="77777777" w:rsidR="00C078C3" w:rsidRPr="00E319B5" w:rsidRDefault="00C078C3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Rapport de mesures radio</w:t>
                  </w:r>
                  <w:r w:rsidR="002B22C4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 vérification d’absence d’interférence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974AB7D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BE3B42C" w14:textId="77777777" w:rsidR="00C078C3" w:rsidRDefault="00C078C3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14:paraId="45EEE18D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0529E950" w14:textId="77777777" w:rsidR="006F6BB4" w:rsidRPr="00E319B5" w:rsidRDefault="006F6BB4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HW de l’installation In/OutDoor du FH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33E85085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265C977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14:paraId="3BE59885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784FB9DB" w14:textId="77777777" w:rsidR="006F6BB4" w:rsidRPr="00E319B5" w:rsidRDefault="006F6BB4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Contrôle des niveaux d’émission et  réception du FH au Craft Terminal 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59A0C62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1D9CEF7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048BF2B1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72190865" w14:textId="77777777" w:rsidR="006F6BB4" w:rsidRPr="00E319B5" w:rsidRDefault="006F6BB4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nstallation Trans Indoor/Outdoor. conforme au cahier de charg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56401FA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8ACB441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29C5D63B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07EA11F3" w14:textId="77777777" w:rsidR="006F6BB4" w:rsidRPr="00E319B5" w:rsidRDefault="006F6BB4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Vérification du rapport d'alarmes des NE (Radio, Trans et Energie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39BF39BF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8171D24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41B56270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25B85B7E" w14:textId="77777777" w:rsidR="006F6BB4" w:rsidRPr="00E319B5" w:rsidRDefault="006F6BB4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Fixation du Genset au socle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C9AC43F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86765B3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4D3D9486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668E376E" w14:textId="77777777" w:rsidR="006F6BB4" w:rsidRPr="00E319B5" w:rsidRDefault="006F6BB4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Vérification autonomie des batteri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8F16181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F369D4E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213FB615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4E77B4B1" w14:textId="77777777" w:rsidR="006F6BB4" w:rsidRPr="00E319B5" w:rsidRDefault="006F6BB4" w:rsidP="002B6248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Mise à la Terre de tous les NE (Genset, Rectifier inclu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15BC63C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8D0E722" w14:textId="77777777" w:rsidR="006F6BB4" w:rsidRDefault="006F6BB4" w:rsidP="002B6248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</w:tbl>
          <w:p w14:paraId="2438F5FC" w14:textId="77777777" w:rsidR="00E319B5" w:rsidRPr="00293C98" w:rsidRDefault="00E319B5" w:rsidP="00E319B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</w:pPr>
            <w:r w:rsidRPr="00293C98"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  <w:t>Remarques &amp; Observations éventuelles !</w:t>
            </w:r>
          </w:p>
          <w:p w14:paraId="38417A6C" w14:textId="77777777"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43024BB7" w14:textId="77777777"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4A1F7416" w14:textId="77777777"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33B54A35" w14:textId="77777777"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4CECA167" w14:textId="77777777" w:rsidR="00E319B5" w:rsidRPr="0052205C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</w:tc>
      </w:tr>
    </w:tbl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4838"/>
        <w:gridCol w:w="4936"/>
      </w:tblGrid>
      <w:tr w:rsidR="00AB6216" w14:paraId="0C2F09BB" w14:textId="77777777" w:rsidTr="00C445C0">
        <w:trPr>
          <w:trHeight w:val="272"/>
        </w:trPr>
        <w:tc>
          <w:tcPr>
            <w:tcW w:w="6119" w:type="dxa"/>
            <w:shd w:val="clear" w:color="auto" w:fill="BFBFBF" w:themeFill="background1" w:themeFillShade="BF"/>
          </w:tcPr>
          <w:p w14:paraId="6172A5C6" w14:textId="77777777"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lastRenderedPageBreak/>
              <w:t>VUE A 0° SUR ENSEMBLE AERIENS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14:paraId="064E7D71" w14:textId="77777777"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90° SUR ENSEMBLE AERIENS</w:t>
            </w:r>
          </w:p>
        </w:tc>
      </w:tr>
      <w:tr w:rsidR="00AB6216" w14:paraId="37629254" w14:textId="77777777" w:rsidTr="00C445C0">
        <w:trPr>
          <w:trHeight w:val="11327"/>
        </w:trPr>
        <w:tc>
          <w:tcPr>
            <w:tcW w:w="6119" w:type="dxa"/>
          </w:tcPr>
          <w:p w14:paraId="5937685F" w14:textId="77777777" w:rsidR="00440B78" w:rsidRPr="004D575D" w:rsidRDefault="00440B78" w:rsidP="004D575D"/>
          <w:p w14:paraId="3DABD80F" w14:textId="77777777" w:rsidR="00440B78" w:rsidRDefault="003D42B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4E65985C" wp14:editId="246A14CC">
                  <wp:extent cx="2980690" cy="3133725"/>
                  <wp:effectExtent l="0" t="0" r="0" b="9525"/>
                  <wp:docPr id="28" name="Image 2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1009_103027.jpg"/>
                          <pic:cNvPicPr/>
                        </pic:nvPicPr>
                        <pic:blipFill>
                          <a:blip r:embed="rId10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336321" cy="3507615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5665" w:type="dxa"/>
          </w:tcPr>
          <w:p w14:paraId="048C7F3C" w14:textId="77777777" w:rsidR="005153EA" w:rsidRDefault="005153E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noProof/>
              </w:rPr>
            </w:pPr>
          </w:p>
          <w:p w14:paraId="1CF9D4BA" w14:textId="77777777" w:rsidR="00293C98" w:rsidRDefault="00AB6216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607C394B" wp14:editId="5CACB2D9">
                  <wp:extent cx="3162300" cy="3124200"/>
                  <wp:effectExtent l="0" t="0" r="0" b="0"/>
                  <wp:docPr id="29" name="Image 29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1009_103038.jpg"/>
                          <pic:cNvPicPr/>
                        </pic:nvPicPr>
                        <pic:blipFill>
                          <a:blip r:embed="rId11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182815" cy="314446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AB6216" w14:paraId="3037D210" w14:textId="77777777" w:rsidTr="00C445C0">
        <w:trPr>
          <w:trHeight w:val="523"/>
        </w:trPr>
        <w:tc>
          <w:tcPr>
            <w:tcW w:w="6119" w:type="dxa"/>
            <w:shd w:val="clear" w:color="auto" w:fill="BFBFBF" w:themeFill="background1" w:themeFillShade="BF"/>
          </w:tcPr>
          <w:p w14:paraId="5B94612D" w14:textId="77777777" w:rsidR="00293C98" w:rsidRDefault="006F6BB4" w:rsidP="007F6DF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lastRenderedPageBreak/>
              <w:t>VUE SUR RFM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14:paraId="6660F22F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LES ANTENNES</w:t>
            </w:r>
          </w:p>
        </w:tc>
      </w:tr>
      <w:tr w:rsidR="00AB6216" w14:paraId="6AD31586" w14:textId="77777777" w:rsidTr="00C445C0">
        <w:trPr>
          <w:trHeight w:val="7006"/>
        </w:trPr>
        <w:tc>
          <w:tcPr>
            <w:tcW w:w="6119" w:type="dxa"/>
          </w:tcPr>
          <w:p w14:paraId="6882733F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6F8C2401" w14:textId="77777777" w:rsidR="00293C98" w:rsidRDefault="007403D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</w:t>
            </w:r>
          </w:p>
          <w:p w14:paraId="6E4E3EAF" w14:textId="77777777" w:rsidR="00440B78" w:rsidRDefault="00AB6216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0667C7B1" wp14:editId="794717B5">
                  <wp:extent cx="3133725" cy="2600325"/>
                  <wp:effectExtent l="0" t="0" r="9525" b="9525"/>
                  <wp:docPr id="30" name="Image 30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1009_104141.jpg"/>
                          <pic:cNvPicPr/>
                        </pic:nvPicPr>
                        <pic:blipFill>
                          <a:blip r:embed="rId12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487320" cy="289373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5665" w:type="dxa"/>
          </w:tcPr>
          <w:p w14:paraId="4AC7B762" w14:textId="36F8834D" w:rsidR="00293C98" w:rsidRDefault="00DF2CDA" w:rsidP="00F043D8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 </w:t>
            </w:r>
            <w:r w:rsidR="004D575D"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 </w:t>
            </w:r>
            <w:r w:rsidR="008E252B"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 </w:t>
            </w:r>
            <w:r w:rsidR="00AB6216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6999F436" wp14:editId="56C0A14A">
                  <wp:extent cx="932815" cy="2970066"/>
                  <wp:effectExtent l="0" t="0" r="635" b="1905"/>
                  <wp:docPr id="31" name="Image 3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1009_104539.jpg"/>
                          <pic:cNvPicPr/>
                        </pic:nvPicPr>
                        <pic:blipFill>
                          <a:blip r:embed="rId13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054766" cy="3358357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AB6216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3189615E" wp14:editId="785C4501">
                  <wp:extent cx="913765" cy="2960215"/>
                  <wp:effectExtent l="0" t="0" r="635" b="0"/>
                  <wp:docPr id="32" name="Image 32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1009_104621.jpg"/>
                          <pic:cNvPicPr/>
                        </pic:nvPicPr>
                        <pic:blipFill>
                          <a:blip r:embed="rId14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046893" cy="339149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AB6216"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</w:t>
            </w:r>
            <w:r w:rsidR="00AB6216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23C49986" wp14:editId="18AD3C54">
                  <wp:extent cx="1019175" cy="2828925"/>
                  <wp:effectExtent l="0" t="0" r="9525" b="9525"/>
                  <wp:docPr id="33" name="Image 3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1009_104710.jpg"/>
                          <pic:cNvPicPr/>
                        </pic:nvPicPr>
                        <pic:blipFill>
                          <a:blip r:embed="rId15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191691" cy="3307779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AB6216" w14:paraId="2CE4C7C8" w14:textId="77777777" w:rsidTr="00C445C0">
        <w:trPr>
          <w:trHeight w:val="143"/>
        </w:trPr>
        <w:tc>
          <w:tcPr>
            <w:tcW w:w="6119" w:type="dxa"/>
            <w:shd w:val="clear" w:color="auto" w:fill="BFBFBF" w:themeFill="background1" w:themeFillShade="BF"/>
          </w:tcPr>
          <w:p w14:paraId="3EED973D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GENSET &amp; TANK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14:paraId="3BCFC5D1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ATS</w:t>
            </w:r>
          </w:p>
        </w:tc>
      </w:tr>
      <w:tr w:rsidR="00AB6216" w14:paraId="0BB1F194" w14:textId="77777777" w:rsidTr="00C445C0">
        <w:trPr>
          <w:trHeight w:val="143"/>
        </w:trPr>
        <w:tc>
          <w:tcPr>
            <w:tcW w:w="6119" w:type="dxa"/>
          </w:tcPr>
          <w:p w14:paraId="5FD109DD" w14:textId="77777777" w:rsidR="00293C98" w:rsidRDefault="002728D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</w:t>
            </w:r>
          </w:p>
          <w:p w14:paraId="717444B0" w14:textId="77777777" w:rsidR="00293C98" w:rsidRDefault="00AB6216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lastRenderedPageBreak/>
              <w:drawing>
                <wp:inline distT="0" distB="0" distL="0" distR="0" wp14:anchorId="3871F15F" wp14:editId="7B6A2595">
                  <wp:extent cx="2981325" cy="2114550"/>
                  <wp:effectExtent l="0" t="0" r="9525" b="0"/>
                  <wp:docPr id="34" name="Image 3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1106_095436.jpg"/>
                          <pic:cNvPicPr/>
                        </pic:nvPicPr>
                        <pic:blipFill>
                          <a:blip r:embed="rId16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004944" cy="2131302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5665" w:type="dxa"/>
          </w:tcPr>
          <w:p w14:paraId="147C193D" w14:textId="77777777"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</w:p>
          <w:p w14:paraId="77E0F207" w14:textId="77777777" w:rsidR="00293C98" w:rsidRDefault="00C445C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lastRenderedPageBreak/>
              <w:drawing>
                <wp:inline distT="0" distB="0" distL="0" distR="0" wp14:anchorId="3808CBD6" wp14:editId="6B3B3527">
                  <wp:extent cx="2780913" cy="2009775"/>
                  <wp:effectExtent l="0" t="0" r="635" b="0"/>
                  <wp:docPr id="36" name="Image 36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IMG_20200925_130535.jpg"/>
                          <pic:cNvPicPr/>
                        </pic:nvPicPr>
                        <pic:blipFill>
                          <a:blip r:embed="rId1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428868" cy="247805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AB6216" w14:paraId="65D47B1E" w14:textId="77777777" w:rsidTr="00C445C0">
        <w:trPr>
          <w:trHeight w:val="143"/>
        </w:trPr>
        <w:tc>
          <w:tcPr>
            <w:tcW w:w="6119" w:type="dxa"/>
            <w:shd w:val="clear" w:color="auto" w:fill="BFBFBF" w:themeFill="background1" w:themeFillShade="BF"/>
          </w:tcPr>
          <w:p w14:paraId="448D7822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lastRenderedPageBreak/>
              <w:t>VUE DE FACE SUR LA BTS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14:paraId="02468121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DC POWER</w:t>
            </w:r>
          </w:p>
        </w:tc>
      </w:tr>
      <w:tr w:rsidR="00AB6216" w14:paraId="515DC995" w14:textId="77777777" w:rsidTr="00C445C0">
        <w:trPr>
          <w:trHeight w:val="143"/>
        </w:trPr>
        <w:tc>
          <w:tcPr>
            <w:tcW w:w="6119" w:type="dxa"/>
          </w:tcPr>
          <w:p w14:paraId="23842D95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20D56507" w14:textId="77777777" w:rsidR="00293C98" w:rsidRDefault="00C445C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sz w:val="22"/>
                <w:szCs w:val="22"/>
                <w:lang w:val="fr-FR" w:eastAsia="fr-FR"/>
              </w:rPr>
              <w:drawing>
                <wp:inline distT="0" distB="0" distL="0" distR="0" wp14:anchorId="136E1239" wp14:editId="4986DD5A">
                  <wp:extent cx="2723817" cy="2914650"/>
                  <wp:effectExtent l="0" t="0" r="635" b="0"/>
                  <wp:docPr id="37" name="Image 37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IMG_20201008_141947.jpg"/>
                          <pic:cNvPicPr/>
                        </pic:nvPicPr>
                        <pic:blipFill>
                          <a:blip r:embed="rId1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353928" cy="3588907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14:paraId="3591845A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2A8F3D20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5428B297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38582D03" w14:textId="77777777" w:rsidR="00293C98" w:rsidRPr="00293C98" w:rsidRDefault="00293C98" w:rsidP="00293C98">
            <w:pPr>
              <w:jc w:val="center"/>
              <w:rPr>
                <w:rFonts w:ascii="Arial" w:hAnsi="Arial" w:cs="Arial"/>
                <w:sz w:val="22"/>
                <w:szCs w:val="22"/>
                <w:lang w:val="fr-FR"/>
              </w:rPr>
            </w:pPr>
          </w:p>
        </w:tc>
        <w:tc>
          <w:tcPr>
            <w:tcW w:w="5665" w:type="dxa"/>
          </w:tcPr>
          <w:p w14:paraId="29C3A3FB" w14:textId="77777777" w:rsidR="007D018B" w:rsidRDefault="007D018B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</w:p>
          <w:p w14:paraId="5176B07F" w14:textId="77777777" w:rsidR="00293C98" w:rsidRDefault="00AB6216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0CFD3602" wp14:editId="525284C8">
                  <wp:extent cx="3209290" cy="2809875"/>
                  <wp:effectExtent l="0" t="0" r="0" b="9525"/>
                  <wp:docPr id="35" name="Image 35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IMG_20201008_141217.jpg"/>
                          <pic:cNvPicPr/>
                        </pic:nvPicPr>
                        <pic:blipFill>
                          <a:blip r:embed="rId1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996349" cy="349898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</w:tbl>
    <w:p w14:paraId="160B43FB" w14:textId="77777777" w:rsidR="003334BE" w:rsidRPr="0001188C" w:rsidRDefault="003334BE" w:rsidP="006F6BB4">
      <w:pPr>
        <w:tabs>
          <w:tab w:val="left" w:pos="-720"/>
          <w:tab w:val="left" w:pos="0"/>
          <w:tab w:val="left" w:pos="331"/>
          <w:tab w:val="left" w:pos="576"/>
          <w:tab w:val="left" w:pos="1159"/>
          <w:tab w:val="left" w:pos="1296"/>
          <w:tab w:val="left" w:pos="2160"/>
        </w:tabs>
        <w:suppressAutoHyphens/>
        <w:spacing w:before="240"/>
        <w:rPr>
          <w:rFonts w:ascii="Arial" w:hAnsi="Arial" w:cs="Arial"/>
          <w:color w:val="000000"/>
          <w:spacing w:val="-2"/>
          <w:sz w:val="22"/>
          <w:szCs w:val="22"/>
          <w:lang w:val="fr-FR"/>
        </w:rPr>
      </w:pPr>
    </w:p>
    <w:sectPr w:rsidR="003334BE" w:rsidRPr="0001188C" w:rsidSect="00E315F5">
      <w:headerReference w:type="default" r:id="rId20"/>
      <w:footerReference w:type="default" r:id="rId21"/>
      <w:pgSz w:w="12240" w:h="15840"/>
      <w:pgMar w:top="2610" w:right="1152" w:bottom="284" w:left="1530" w:header="36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6CAC9523" w14:textId="77777777" w:rsidR="00A16AD1" w:rsidRDefault="00A16AD1">
      <w:pPr>
        <w:widowControl w:val="0"/>
      </w:pPr>
      <w:r>
        <w:separator/>
      </w:r>
    </w:p>
  </w:endnote>
  <w:endnote w:type="continuationSeparator" w:id="0">
    <w:p w14:paraId="0DB7956F" w14:textId="77777777" w:rsidR="00A16AD1" w:rsidRDefault="00A16AD1">
      <w:pPr>
        <w:widowControl w:val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panose1 w:val="02020803070505020304"/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imSun">
    <w:altName w:val="宋体"/>
    <w:panose1 w:val="02010600030101010101"/>
    <w:charset w:val="86"/>
    <w:family w:val="auto"/>
    <w:notTrueType/>
    <w:pitch w:val="variable"/>
    <w:sig w:usb0="00000001" w:usb1="080E0000" w:usb2="00000010" w:usb3="00000000" w:csb0="00040000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7527D1BB" w14:textId="77777777" w:rsidR="006015A9" w:rsidRPr="0008444A" w:rsidRDefault="004C324B" w:rsidP="0021348D">
    <w:pPr>
      <w:pStyle w:val="Footer"/>
      <w:tabs>
        <w:tab w:val="center" w:pos="4680"/>
      </w:tabs>
      <w:spacing w:line="200" w:lineRule="exact"/>
      <w:rPr>
        <w:rFonts w:ascii="Arial" w:hAnsi="Arial" w:cs="Arial"/>
        <w:i/>
        <w:sz w:val="16"/>
        <w:szCs w:val="16"/>
      </w:rPr>
    </w:pPr>
    <w:r w:rsidRPr="0008444A">
      <w:rPr>
        <w:rFonts w:ascii="Arial" w:hAnsi="Arial" w:cs="Arial"/>
        <w:i/>
        <w:sz w:val="16"/>
        <w:szCs w:val="16"/>
      </w:rPr>
      <w:fldChar w:fldCharType="begin"/>
    </w:r>
    <w:r w:rsidR="006015A9" w:rsidRPr="0008444A">
      <w:rPr>
        <w:rFonts w:ascii="Arial" w:hAnsi="Arial" w:cs="Arial"/>
        <w:i/>
        <w:sz w:val="16"/>
        <w:szCs w:val="16"/>
      </w:rPr>
      <w:instrText xml:space="preserve"> DOCPROPERTY "SWDocID"  \* MERGEFORMAT </w:instrText>
    </w:r>
    <w:r w:rsidRPr="0008444A">
      <w:rPr>
        <w:rFonts w:ascii="Arial" w:hAnsi="Arial" w:cs="Arial"/>
        <w:i/>
        <w:sz w:val="16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343B780C" w14:textId="77777777" w:rsidR="00A16AD1" w:rsidRDefault="00A16AD1">
      <w:pPr>
        <w:widowControl w:val="0"/>
      </w:pPr>
      <w:r>
        <w:separator/>
      </w:r>
    </w:p>
  </w:footnote>
  <w:footnote w:type="continuationSeparator" w:id="0">
    <w:p w14:paraId="0EE9757A" w14:textId="77777777" w:rsidR="00A16AD1" w:rsidRDefault="00A16AD1">
      <w:pPr>
        <w:widowControl w:val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FC5F8D1" w14:textId="77777777" w:rsidR="00E83F03" w:rsidRDefault="00B14B87">
    <w:pPr>
      <w:pStyle w:val="Header"/>
    </w:pP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6704" behindDoc="0" locked="0" layoutInCell="1" allowOverlap="1" wp14:anchorId="734B6854" wp14:editId="2EEE6576">
              <wp:simplePos x="0" y="0"/>
              <wp:positionH relativeFrom="margin">
                <wp:posOffset>-47625</wp:posOffset>
              </wp:positionH>
              <wp:positionV relativeFrom="paragraph">
                <wp:posOffset>-95250</wp:posOffset>
              </wp:positionV>
              <wp:extent cx="6381750" cy="1152525"/>
              <wp:effectExtent l="0" t="0" r="0" b="0"/>
              <wp:wrapNone/>
              <wp:docPr id="9" name="Text Box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381750" cy="115252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14:paraId="755045BB" w14:textId="77777777" w:rsidR="00775EB6" w:rsidRPr="00B228A2" w:rsidRDefault="00EF6CB9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B228A2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ab/>
                          </w:r>
                        </w:p>
                        <w:p w14:paraId="23900CDF" w14:textId="77777777" w:rsidR="00B228A2" w:rsidRPr="00B228A2" w:rsidRDefault="00B228A2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  <w:p w14:paraId="684A9D41" w14:textId="77777777" w:rsidR="003334BE" w:rsidRPr="002B4D64" w:rsidRDefault="0001188C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DEMANDE D’ACCEPTANCE</w:t>
                          </w:r>
                          <w:r w:rsidR="003334BE" w:rsidRPr="002B4D64">
                            <w:rPr>
                              <w:b w:val="0"/>
                              <w:noProof/>
                              <w:color w:val="000000" w:themeColor="text1"/>
                              <w:sz w:val="28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</w:t>
                          </w:r>
                        </w:p>
                        <w:p w14:paraId="117FA314" w14:textId="77777777" w:rsidR="003334BE" w:rsidRPr="002B4D64" w:rsidRDefault="00775EB6" w:rsidP="00775EB6">
                          <w:pPr>
                            <w:tabs>
                              <w:tab w:val="left" w:pos="4230"/>
                            </w:tabs>
                            <w:rPr>
                              <w:rFonts w:ascii="Arial" w:hAnsi="Arial" w:cs="Arial"/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                                            </w:t>
                          </w:r>
                          <w:r w:rsidR="0001188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Projet: 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Propjet</w:t>
                          </w:r>
                          <w:r w:rsidR="004A6377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Modernisation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_ Réseau GSM TGC</w:t>
                          </w:r>
                        </w:p>
                        <w:p w14:paraId="689FEF49" w14:textId="77777777" w:rsidR="003334BE" w:rsidRPr="002B4D64" w:rsidRDefault="003334BE">
                          <w:pPr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734B6854" id="_x0000_t202" coordsize="21600,21600" o:spt="202" path="m,l,21600r21600,l21600,xe">
              <v:stroke joinstyle="miter"/>
              <v:path gradientshapeok="t" o:connecttype="rect"/>
            </v:shapetype>
            <v:shape id="Text Box 9" o:spid="_x0000_s1026" type="#_x0000_t202" style="position:absolute;margin-left:-3.75pt;margin-top:-7.5pt;width:502.5pt;height:90.75pt;z-index:2516567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" filled="f" stroked="f" strokeweight=".5pt">
              <v:textbox>
                <w:txbxContent>
                  <w:p w14:paraId="755045BB" w14:textId="77777777" w:rsidR="00775EB6" w:rsidRPr="00B228A2" w:rsidRDefault="00EF6CB9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B228A2"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ab/>
                    </w:r>
                  </w:p>
                  <w:p w14:paraId="23900CDF" w14:textId="77777777" w:rsidR="00B228A2" w:rsidRPr="00B228A2" w:rsidRDefault="00B228A2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  <w:p w14:paraId="684A9D41" w14:textId="77777777" w:rsidR="003334BE" w:rsidRPr="002B4D64" w:rsidRDefault="0001188C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DEMANDE D’ACCEPTANCE</w:t>
                    </w:r>
                    <w:r w:rsidR="003334BE" w:rsidRPr="002B4D64">
                      <w:rPr>
                        <w:b w:val="0"/>
                        <w:noProof/>
                        <w:color w:val="000000" w:themeColor="text1"/>
                        <w:sz w:val="28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</w:t>
                    </w:r>
                  </w:p>
                  <w:p w14:paraId="117FA314" w14:textId="77777777" w:rsidR="003334BE" w:rsidRPr="002B4D64" w:rsidRDefault="00775EB6" w:rsidP="00775EB6">
                    <w:pPr>
                      <w:tabs>
                        <w:tab w:val="left" w:pos="4230"/>
                      </w:tabs>
                      <w:rPr>
                        <w:rFonts w:ascii="Arial" w:hAnsi="Arial" w:cs="Arial"/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                                            </w:t>
                    </w:r>
                    <w:r w:rsidR="0001188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Projet: 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Propjet</w:t>
                    </w:r>
                    <w:r w:rsidR="004A6377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Modernisation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_ Réseau GSM TGC</w:t>
                    </w:r>
                  </w:p>
                  <w:p w14:paraId="689FEF49" w14:textId="77777777" w:rsidR="003334BE" w:rsidRPr="002B4D64" w:rsidRDefault="003334BE">
                    <w:pPr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</w:txbxContent>
              </v:textbox>
              <w10:wrap anchorx="margin"/>
            </v:shape>
          </w:pict>
        </mc:Fallback>
      </mc:AlternateContent>
    </w: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9776" behindDoc="0" locked="0" layoutInCell="1" allowOverlap="1" wp14:anchorId="0AB73EF4" wp14:editId="32F6DD60">
              <wp:simplePos x="0" y="0"/>
              <wp:positionH relativeFrom="margin">
                <wp:posOffset>4419599</wp:posOffset>
              </wp:positionH>
              <wp:positionV relativeFrom="paragraph">
                <wp:posOffset>9525</wp:posOffset>
              </wp:positionV>
              <wp:extent cx="1914525" cy="904875"/>
              <wp:effectExtent l="0" t="0" r="0" b="0"/>
              <wp:wrapNone/>
              <wp:docPr id="10" name="Text Box 10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914525" cy="90487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14:paraId="0610F4F7" w14:textId="77777777" w:rsidR="003334BE" w:rsidRDefault="00B14B87">
                          <w:r>
                            <w:t xml:space="preserve">     </w:t>
                          </w:r>
                          <w:r w:rsidRPr="00B14B87">
                            <w:rPr>
                              <w:noProof/>
                              <w:lang w:val="fr-FR" w:eastAsia="fr-FR"/>
                            </w:rPr>
                            <w:drawing>
                              <wp:inline distT="0" distB="0" distL="0" distR="0" wp14:anchorId="33C238FB" wp14:editId="3D10C73B">
                                <wp:extent cx="1104900" cy="609600"/>
                                <wp:effectExtent l="0" t="0" r="0" b="0"/>
                                <wp:docPr id="23" name="Image 23"/>
                                <wp:cNvGraphicFramePr>
                                  <a:graphicFrameLocks xmlns:a="http://schemas.openxmlformats.org/drawingml/2006/main" noChangeAspect="1"/>
                                </wp:cNvGraphicFramePr>
                                <a:graphic xmlns:a="http://schemas.openxmlformats.org/drawingml/2006/main">
                                  <a:graphicData uri="http://schemas.openxmlformats.org/drawingml/2006/picture">
                                    <pic:pic xmlns:pic="http://schemas.openxmlformats.org/drawingml/2006/picture">
                                      <pic:nvPicPr>
                                        <pic:cNvPr id="0" name="Picture 13"/>
                                        <pic:cNvPicPr>
                                          <a:picLocks noChangeAspect="1" noChangeArrowheads="1"/>
                                        </pic:cNvPicPr>
                                      </pic:nvPicPr>
                                      <pic:blipFill>
                                        <a:blip r:embed="rId1">
                                          <a:extLst>
                                            <a:ext uri="{28A0092B-C50C-407E-A947-70E740481C1C}">
                                              <a14:useLocalDpi xmlns:a14="http://schemas.microsoft.com/office/drawing/2010/main" val="0"/>
                                            </a:ext>
                                          </a:extLst>
                                        </a:blip>
                                        <a:srcRect/>
                                        <a:stretch>
                                          <a:fillRect/>
                                        </a:stretch>
                                      </pic:blipFill>
                                      <pic:spPr bwMode="auto">
                                        <a:xfrm>
                                          <a:off x="0" y="0"/>
                                          <a:ext cx="1104900" cy="609600"/>
                                        </a:xfrm>
                                        <a:prstGeom prst="rect">
                                          <a:avLst/>
                                        </a:prstGeom>
                                        <a:noFill/>
                                        <a:ln>
                                          <a:noFill/>
                                        </a:ln>
                                      </pic:spPr>
                                    </pic:pic>
                                  </a:graphicData>
                                </a:graphic>
                              </wp:inline>
                            </w:drawing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 w14:anchorId="0AB73EF4" id="Text Box 10" o:spid="_x0000_s1027" type="#_x0000_t202" style="position:absolute;margin-left:348pt;margin-top:.75pt;width:150.75pt;height:71.25pt;z-index:25165977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" filled="f" stroked="f" strokeweight=".5pt">
              <v:textbox>
                <w:txbxContent>
                  <w:p w14:paraId="0610F4F7" w14:textId="77777777" w:rsidR="003334BE" w:rsidRDefault="00B14B87">
                    <w:r>
                      <w:t xml:space="preserve">     </w:t>
                    </w:r>
                    <w:r w:rsidRPr="00B14B87">
                      <w:rPr>
                        <w:noProof/>
                        <w:lang w:val="fr-FR" w:eastAsia="fr-FR"/>
                      </w:rPr>
                      <w:drawing>
                        <wp:inline distT="0" distB="0" distL="0" distR="0" wp14:anchorId="33C238FB" wp14:editId="3D10C73B">
                          <wp:extent cx="1104900" cy="609600"/>
                          <wp:effectExtent l="0" t="0" r="0" b="0"/>
                          <wp:docPr id="23" name="Image 23"/>
                          <wp:cNvGraphicFramePr>
                            <a:graphicFrameLocks xmlns:a="http://schemas.openxmlformats.org/drawingml/2006/main" noChangeAspect="1"/>
                          </wp:cNvGraphicFramePr>
                          <a:graphic xmlns:a="http://schemas.openxmlformats.org/drawingml/2006/main">
                            <a:graphicData uri="http://schemas.openxmlformats.org/drawingml/2006/picture">
                              <pic:pic xmlns:pic="http://schemas.openxmlformats.org/drawingml/2006/picture">
                                <pic:nvPicPr>
                                  <pic:cNvPr id="0" name="Picture 13"/>
                                  <pic:cNvPicPr>
                                    <a:picLocks noChangeAspect="1" noChangeArrowheads="1"/>
                                  </pic:cNvPicPr>
                                </pic:nvPicPr>
                                <pic:blipFill>
                                  <a:blip r:embed="rId1">
                                    <a:extLst>
                                      <a:ext uri="{28A0092B-C50C-407E-A947-70E740481C1C}">
                                        <a14:useLocalDpi xmlns:a14="http://schemas.microsoft.com/office/drawing/2010/main" val="0"/>
                                      </a:ext>
                                    </a:extLst>
                                  </a:blip>
                                  <a:srcRect/>
                                  <a:stretch>
                                    <a:fillRect/>
                                  </a:stretch>
                                </pic:blipFill>
                                <pic:spPr bwMode="auto">
                                  <a:xfrm>
                                    <a:off x="0" y="0"/>
                                    <a:ext cx="1104900" cy="609600"/>
                                  </a:xfrm>
                                  <a:prstGeom prst="rect">
                                    <a:avLst/>
                                  </a:prstGeom>
                                  <a:noFill/>
                                  <a:ln>
                                    <a:noFill/>
                                  </a:ln>
                                </pic:spPr>
                              </pic:pic>
                            </a:graphicData>
                          </a:graphic>
                        </wp:inline>
                      </w:drawing>
                    </w:r>
                  </w:p>
                </w:txbxContent>
              </v:textbox>
              <w10:wrap anchorx="margin"/>
            </v:shape>
          </w:pict>
        </mc:Fallback>
      </mc:AlternateContent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</w:p>
  <w:p w14:paraId="78E74D6D" w14:textId="77777777" w:rsidR="00E83F03" w:rsidRDefault="00B228A2">
    <w:pPr>
      <w:pStyle w:val="Header"/>
    </w:pPr>
    <w:r>
      <w:rPr>
        <w:noProof/>
        <w:lang w:val="fr-FR" w:eastAsia="fr-FR"/>
      </w:rPr>
      <w:drawing>
        <wp:inline distT="0" distB="0" distL="0" distR="0" wp14:anchorId="43977155" wp14:editId="23E3B255">
          <wp:extent cx="962025" cy="666751"/>
          <wp:effectExtent l="0" t="0" r="0" b="0"/>
          <wp:docPr id="21" name="Image 21">
            <a:extLst xmlns:a="http://schemas.openxmlformats.org/drawingml/2006/main">
              <a:ext uri="{FF2B5EF4-FFF2-40B4-BE49-F238E27FC236}">
                <a16:creationId xmlns:a16="http://schemas.microsoft.com/office/drawing/2014/main" id="{00000000-0008-0000-0B00-000003000000}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5" name="Image 4">
                    <a:extLst>
                      <a:ext uri="{FF2B5EF4-FFF2-40B4-BE49-F238E27FC236}">
                        <a16:creationId xmlns:a16="http://schemas.microsoft.com/office/drawing/2014/main" id="{00000000-0008-0000-0B00-000003000000}"/>
                      </a:ext>
                    </a:extLst>
                  </pic:cNvPr>
                  <pic:cNvPicPr>
                    <a:picLocks noChangeAspect="1"/>
                  </pic:cNvPicPr>
                </pic:nvPicPr>
                <pic:blipFill>
                  <a:blip r:embed="rId2"/>
                  <a:stretch>
                    <a:fillRect/>
                  </a:stretch>
                </pic:blipFill>
                <pic:spPr>
                  <a:xfrm>
                    <a:off x="0" y="0"/>
                    <a:ext cx="962025" cy="66675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F6CB9">
      <w:rPr>
        <w:noProof/>
        <w:lang w:val="fr-FR" w:eastAsia="fr-FR"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713D224B" wp14:editId="51599905">
              <wp:simplePos x="0" y="0"/>
              <wp:positionH relativeFrom="column">
                <wp:posOffset>-266700</wp:posOffset>
              </wp:positionH>
              <wp:positionV relativeFrom="paragraph">
                <wp:posOffset>1034415</wp:posOffset>
              </wp:positionV>
              <wp:extent cx="6648450" cy="0"/>
              <wp:effectExtent l="0" t="0" r="19050" b="19050"/>
              <wp:wrapNone/>
              <wp:docPr id="22" name="Straight Connector 22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CnPr/>
                    <wps:spPr>
                      <a:xfrm flipV="1">
                        <a:off x="0" y="0"/>
                        <a:ext cx="6648450" cy="0"/>
                      </a:xfrm>
                      <a:prstGeom prst="line">
                        <a:avLst/>
                      </a:prstGeom>
                      <a:ln w="19050">
                        <a:solidFill>
                          <a:schemeClr val="accent6">
                            <a:lumMod val="50000"/>
                          </a:schemeClr>
                        </a:solidFill>
                      </a:ln>
                    </wps:spPr>
                    <wps:style>
                      <a:lnRef idx="1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tx1"/>
                      </a:fontRef>
                    </wps:style>
                    <wps:bodyPr/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line w14:anchorId="0556BF13" id="Straight Connector 22" o:spid="_x0000_s1026" style="position:absolute;flip:y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" from="-21pt,81.45pt" to="502.5pt,81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" strokecolor="#974706 [1609]" strokeweight="1.5pt"/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00000001"/>
    <w:multiLevelType w:val="multilevel"/>
    <w:tmpl w:val="00000000"/>
    <w:name w:val="1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1" w15:restartNumberingAfterBreak="0">
    <w:nsid w:val="00000011"/>
    <w:multiLevelType w:val="multilevel"/>
    <w:tmpl w:val="3E16643E"/>
    <w:lvl w:ilvl="0">
      <w:start w:val="4"/>
      <w:numFmt w:val="decimal"/>
      <w:lvlRestart w:val="0"/>
      <w:pStyle w:val="Level1"/>
      <w:lvlText w:val="%1."/>
      <w:lvlJc w:val="left"/>
      <w:pPr>
        <w:tabs>
          <w:tab w:val="num" w:pos="1372"/>
        </w:tabs>
        <w:ind w:left="688" w:firstLine="122"/>
      </w:pPr>
      <w:rPr>
        <w:rFonts w:cs="Times New Roman" w:hint="default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-1440" w:firstLine="1440"/>
      </w:pPr>
      <w:rPr>
        <w:rFonts w:cs="Times New Roman" w:hint="eastAsia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21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firstLine="28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firstLine="360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firstLine="432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firstLine="504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firstLine="57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firstLine="64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</w:abstractNum>
  <w:abstractNum w:abstractNumId="2" w15:restartNumberingAfterBreak="0">
    <w:nsid w:val="089441E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" w15:restartNumberingAfterBreak="0">
    <w:nsid w:val="0904049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" w15:restartNumberingAfterBreak="0">
    <w:nsid w:val="0D36786B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 w15:restartNumberingAfterBreak="0">
    <w:nsid w:val="0D9254EC"/>
    <w:multiLevelType w:val="hybridMultilevel"/>
    <w:tmpl w:val="70307BEE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6" w15:restartNumberingAfterBreak="0">
    <w:nsid w:val="0ED10B00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7" w15:restartNumberingAfterBreak="0">
    <w:nsid w:val="11285453"/>
    <w:multiLevelType w:val="hybridMultilevel"/>
    <w:tmpl w:val="270447B0"/>
    <w:lvl w:ilvl="0" w:tplc="A0845F82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8" w15:restartNumberingAfterBreak="0">
    <w:nsid w:val="13F25AFA"/>
    <w:multiLevelType w:val="hybridMultilevel"/>
    <w:tmpl w:val="C09A7012"/>
    <w:lvl w:ilvl="0" w:tplc="040C0009">
      <w:start w:val="1"/>
      <w:numFmt w:val="bullet"/>
      <w:lvlText w:val=""/>
      <w:lvlJc w:val="left"/>
      <w:pPr>
        <w:ind w:left="108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9" w15:restartNumberingAfterBreak="0">
    <w:nsid w:val="13F2662E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0" w15:restartNumberingAfterBreak="0">
    <w:nsid w:val="17E9073C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 w15:restartNumberingAfterBreak="0">
    <w:nsid w:val="18C62921"/>
    <w:multiLevelType w:val="hybridMultilevel"/>
    <w:tmpl w:val="2654EC1C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  <w:rPr>
        <w:rFonts w:cs="Times New Roman"/>
      </w:rPr>
    </w:lvl>
  </w:abstractNum>
  <w:abstractNum w:abstractNumId="12" w15:restartNumberingAfterBreak="0">
    <w:nsid w:val="19BC657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 w15:restartNumberingAfterBreak="0">
    <w:nsid w:val="1BAE1C3D"/>
    <w:multiLevelType w:val="hybridMultilevel"/>
    <w:tmpl w:val="0D8280CA"/>
    <w:lvl w:ilvl="0" w:tplc="0BD6804A">
      <w:start w:val="12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1BC172B2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 w15:restartNumberingAfterBreak="0">
    <w:nsid w:val="1F123E1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6" w15:restartNumberingAfterBreak="0">
    <w:nsid w:val="1F290F51"/>
    <w:multiLevelType w:val="hybridMultilevel"/>
    <w:tmpl w:val="C76E5DCE"/>
    <w:lvl w:ilvl="0" w:tplc="BEB6E654">
      <w:start w:val="1"/>
      <w:numFmt w:val="lowerRoman"/>
      <w:lvlText w:val="(%1)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7" w15:restartNumberingAfterBreak="0">
    <w:nsid w:val="1F3C78AC"/>
    <w:multiLevelType w:val="hybridMultilevel"/>
    <w:tmpl w:val="418CF2A0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249115F6"/>
    <w:multiLevelType w:val="hybridMultilevel"/>
    <w:tmpl w:val="4CC0ECEA"/>
    <w:lvl w:ilvl="0" w:tplc="040C000D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28E636B7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0" w15:restartNumberingAfterBreak="0">
    <w:nsid w:val="291F34C2"/>
    <w:multiLevelType w:val="hybridMultilevel"/>
    <w:tmpl w:val="586ECA0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29BE1C50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2" w15:restartNumberingAfterBreak="0">
    <w:nsid w:val="2A1B07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3" w15:restartNumberingAfterBreak="0">
    <w:nsid w:val="2A495C08"/>
    <w:multiLevelType w:val="hybridMultilevel"/>
    <w:tmpl w:val="19BC928A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2F045728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5" w15:restartNumberingAfterBreak="0">
    <w:nsid w:val="32D5556C"/>
    <w:multiLevelType w:val="multilevel"/>
    <w:tmpl w:val="1CEABEFA"/>
    <w:lvl w:ilvl="0">
      <w:start w:val="1"/>
      <w:numFmt w:val="decimal"/>
      <w:pStyle w:val="Numbering1"/>
      <w:lvlText w:val="Section %1."/>
      <w:lvlJc w:val="left"/>
      <w:pPr>
        <w:tabs>
          <w:tab w:val="num" w:pos="0"/>
        </w:tabs>
        <w:ind w:firstLine="720"/>
      </w:pPr>
      <w:rPr>
        <w:rFonts w:ascii="Times New Roman Bold" w:hAnsi="Times New Roman Bold" w:cs="Times New Roman"/>
        <w:b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u w:val="none"/>
        <w:effect w:val="none"/>
        <w:vertAlign w:val="baseline"/>
      </w:rPr>
    </w:lvl>
    <w:lvl w:ilvl="1">
      <w:start w:val="1"/>
      <w:numFmt w:val="lowerLetter"/>
      <w:pStyle w:val="Numbering2"/>
      <w:lvlText w:val="(%2)"/>
      <w:lvlJc w:val="left"/>
      <w:pPr>
        <w:tabs>
          <w:tab w:val="num" w:pos="240"/>
        </w:tabs>
        <w:ind w:left="2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2">
      <w:start w:val="1"/>
      <w:numFmt w:val="lowerRoman"/>
      <w:pStyle w:val="Numbering3"/>
      <w:lvlText w:val="(%3)"/>
      <w:lvlJc w:val="left"/>
      <w:pPr>
        <w:tabs>
          <w:tab w:val="num" w:pos="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3">
      <w:start w:val="1"/>
      <w:numFmt w:val="decimal"/>
      <w:pStyle w:val="Number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4">
      <w:start w:val="1"/>
      <w:numFmt w:val="none"/>
      <w:pStyle w:val="Numbering5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5">
      <w:start w:val="1"/>
      <w:numFmt w:val="none"/>
      <w:pStyle w:val="Numbering6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6">
      <w:start w:val="1"/>
      <w:numFmt w:val="none"/>
      <w:pStyle w:val="Numbering7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7">
      <w:start w:val="1"/>
      <w:numFmt w:val="none"/>
      <w:pStyle w:val="Numbering8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8">
      <w:start w:val="1"/>
      <w:numFmt w:val="none"/>
      <w:pStyle w:val="Numbering9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</w:abstractNum>
  <w:abstractNum w:abstractNumId="26" w15:restartNumberingAfterBreak="0">
    <w:nsid w:val="32F0578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7" w15:restartNumberingAfterBreak="0">
    <w:nsid w:val="34001841"/>
    <w:multiLevelType w:val="hybridMultilevel"/>
    <w:tmpl w:val="5DCA9BDE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 w15:restartNumberingAfterBreak="0">
    <w:nsid w:val="36D255A3"/>
    <w:multiLevelType w:val="hybridMultilevel"/>
    <w:tmpl w:val="5EECE4A6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9" w15:restartNumberingAfterBreak="0">
    <w:nsid w:val="37893EB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0" w15:restartNumberingAfterBreak="0">
    <w:nsid w:val="37F85D19"/>
    <w:multiLevelType w:val="hybridMultilevel"/>
    <w:tmpl w:val="C7627DE0"/>
    <w:lvl w:ilvl="0" w:tplc="E0DE57A2">
      <w:start w:val="1"/>
      <w:numFmt w:val="lowerRoman"/>
      <w:lvlText w:val="%1."/>
      <w:lvlJc w:val="left"/>
      <w:pPr>
        <w:ind w:left="1440" w:hanging="360"/>
      </w:pPr>
      <w:rPr>
        <w:rFonts w:cs="Times New Roman" w:hint="default"/>
      </w:rPr>
    </w:lvl>
    <w:lvl w:ilvl="1" w:tplc="1C090019" w:tentative="1">
      <w:start w:val="1"/>
      <w:numFmt w:val="lowerLetter"/>
      <w:lvlText w:val="%2."/>
      <w:lvlJc w:val="left"/>
      <w:pPr>
        <w:ind w:left="504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576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648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720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792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864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936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10080" w:hanging="180"/>
      </w:pPr>
      <w:rPr>
        <w:rFonts w:cs="Times New Roman"/>
      </w:rPr>
    </w:lvl>
  </w:abstractNum>
  <w:abstractNum w:abstractNumId="31" w15:restartNumberingAfterBreak="0">
    <w:nsid w:val="3DA40496"/>
    <w:multiLevelType w:val="hybridMultilevel"/>
    <w:tmpl w:val="35B81B7C"/>
    <w:lvl w:ilvl="0" w:tplc="59DCADD6">
      <w:start w:val="1"/>
      <w:numFmt w:val="decimal"/>
      <w:lvlText w:val="SECTION %1:"/>
      <w:lvlJc w:val="left"/>
      <w:pPr>
        <w:ind w:left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2" w15:restartNumberingAfterBreak="0">
    <w:nsid w:val="3ED528D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3" w15:restartNumberingAfterBreak="0">
    <w:nsid w:val="3F473E5C"/>
    <w:multiLevelType w:val="hybridMultilevel"/>
    <w:tmpl w:val="5FAA53B6"/>
    <w:lvl w:ilvl="0" w:tplc="1FD45A80">
      <w:start w:val="1"/>
      <w:numFmt w:val="lowerRoman"/>
      <w:lvlText w:val="(%1)"/>
      <w:lvlJc w:val="left"/>
      <w:pPr>
        <w:ind w:left="144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34" w15:restartNumberingAfterBreak="0">
    <w:nsid w:val="3F7C46E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5" w15:restartNumberingAfterBreak="0">
    <w:nsid w:val="4C3B4593"/>
    <w:multiLevelType w:val="hybridMultilevel"/>
    <w:tmpl w:val="2F7C1C1A"/>
    <w:lvl w:ilvl="0" w:tplc="04090001">
      <w:start w:val="12"/>
      <w:numFmt w:val="bullet"/>
      <w:lvlText w:val=""/>
      <w:lvlJc w:val="left"/>
      <w:pPr>
        <w:ind w:left="720" w:hanging="360"/>
      </w:pPr>
      <w:rPr>
        <w:rFonts w:ascii="Symbol" w:eastAsia="Times New Roman" w:hAnsi="Symbol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6" w15:restartNumberingAfterBreak="0">
    <w:nsid w:val="4EB3636F"/>
    <w:multiLevelType w:val="multilevel"/>
    <w:tmpl w:val="BCCC8956"/>
    <w:lvl w:ilvl="0">
      <w:start w:val="1"/>
      <w:numFmt w:val="decimal"/>
      <w:lvlText w:val="%1."/>
      <w:lvlJc w:val="left"/>
      <w:pPr>
        <w:ind w:left="2520" w:hanging="360"/>
      </w:pPr>
      <w:rPr>
        <w:rFonts w:cs="Times New Roman" w:hint="default"/>
        <w:sz w:val="22"/>
      </w:rPr>
    </w:lvl>
    <w:lvl w:ilvl="1">
      <w:start w:val="1"/>
      <w:numFmt w:val="decimal"/>
      <w:lvlText w:val="%1.%2"/>
      <w:lvlJc w:val="left"/>
      <w:pPr>
        <w:ind w:left="2952" w:hanging="432"/>
      </w:pPr>
      <w:rPr>
        <w:rFonts w:cs="Times New Roman" w:hint="default"/>
      </w:rPr>
    </w:lvl>
    <w:lvl w:ilvl="2">
      <w:start w:val="1"/>
      <w:numFmt w:val="decimal"/>
      <w:lvlText w:val="%1.%2.%3."/>
      <w:lvlJc w:val="left"/>
      <w:pPr>
        <w:ind w:left="3384" w:hanging="504"/>
      </w:pPr>
      <w:rPr>
        <w:rFonts w:cs="Times New Roman" w:hint="default"/>
      </w:rPr>
    </w:lvl>
    <w:lvl w:ilvl="3">
      <w:start w:val="1"/>
      <w:numFmt w:val="decimal"/>
      <w:lvlText w:val="%1.%2.%3.%4."/>
      <w:lvlJc w:val="left"/>
      <w:pPr>
        <w:ind w:left="3888" w:hanging="648"/>
      </w:pPr>
      <w:rPr>
        <w:rFonts w:cs="Times New Roman" w:hint="default"/>
      </w:rPr>
    </w:lvl>
    <w:lvl w:ilvl="4">
      <w:start w:val="1"/>
      <w:numFmt w:val="decimal"/>
      <w:lvlText w:val="%1.%2.%3.%4.%5."/>
      <w:lvlJc w:val="left"/>
      <w:pPr>
        <w:ind w:left="4392" w:hanging="792"/>
      </w:pPr>
      <w:rPr>
        <w:rFonts w:cs="Times New Roman" w:hint="default"/>
      </w:rPr>
    </w:lvl>
    <w:lvl w:ilvl="5">
      <w:start w:val="1"/>
      <w:numFmt w:val="decimal"/>
      <w:lvlText w:val="%1.%2.%3.%4.%5.%6."/>
      <w:lvlJc w:val="left"/>
      <w:pPr>
        <w:ind w:left="4896" w:hanging="936"/>
      </w:pPr>
      <w:rPr>
        <w:rFonts w:cs="Times New Roman" w:hint="default"/>
      </w:rPr>
    </w:lvl>
    <w:lvl w:ilvl="6">
      <w:start w:val="1"/>
      <w:numFmt w:val="decimal"/>
      <w:lvlText w:val="%1.%2.%3.%4.%5.%6.%7."/>
      <w:lvlJc w:val="left"/>
      <w:pPr>
        <w:ind w:left="5400" w:hanging="1080"/>
      </w:pPr>
      <w:rPr>
        <w:rFonts w:cs="Times New Roman" w:hint="default"/>
      </w:rPr>
    </w:lvl>
    <w:lvl w:ilvl="7">
      <w:start w:val="1"/>
      <w:numFmt w:val="decimal"/>
      <w:lvlText w:val="%1.%2.%3.%4.%5.%6.%7.%8."/>
      <w:lvlJc w:val="left"/>
      <w:pPr>
        <w:ind w:left="5904" w:hanging="1224"/>
      </w:pPr>
      <w:rPr>
        <w:rFonts w:cs="Times New Roman" w:hint="default"/>
      </w:rPr>
    </w:lvl>
    <w:lvl w:ilvl="8">
      <w:start w:val="1"/>
      <w:numFmt w:val="decimal"/>
      <w:lvlText w:val="%1.%2.%3.%4.%5.%6.%7.%8.%9."/>
      <w:lvlJc w:val="left"/>
      <w:pPr>
        <w:ind w:left="6480" w:hanging="1440"/>
      </w:pPr>
      <w:rPr>
        <w:rFonts w:cs="Times New Roman" w:hint="default"/>
      </w:rPr>
    </w:lvl>
  </w:abstractNum>
  <w:abstractNum w:abstractNumId="37" w15:restartNumberingAfterBreak="0">
    <w:nsid w:val="52210798"/>
    <w:multiLevelType w:val="hybridMultilevel"/>
    <w:tmpl w:val="E9EC8714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8" w15:restartNumberingAfterBreak="0">
    <w:nsid w:val="5266586B"/>
    <w:multiLevelType w:val="hybridMultilevel"/>
    <w:tmpl w:val="8C9A8D9A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 w15:restartNumberingAfterBreak="0">
    <w:nsid w:val="539D7C3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0" w15:restartNumberingAfterBreak="0">
    <w:nsid w:val="553B06F1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1724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1" w15:restartNumberingAfterBreak="0">
    <w:nsid w:val="563D287B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2" w15:restartNumberingAfterBreak="0">
    <w:nsid w:val="61F6603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3" w15:restartNumberingAfterBreak="0">
    <w:nsid w:val="620B79CC"/>
    <w:multiLevelType w:val="hybridMultilevel"/>
    <w:tmpl w:val="A74EDB6A"/>
    <w:lvl w:ilvl="0" w:tplc="22E4FF30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  <w:color w:val="auto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4" w15:restartNumberingAfterBreak="0">
    <w:nsid w:val="667A107A"/>
    <w:multiLevelType w:val="multilevel"/>
    <w:tmpl w:val="9AEA6F4C"/>
    <w:lvl w:ilvl="0">
      <w:start w:val="1"/>
      <w:numFmt w:val="decimal"/>
      <w:pStyle w:val="ARTICLEG1"/>
      <w:lvlText w:val="Section %1."/>
      <w:lvlJc w:val="left"/>
      <w:pPr>
        <w:tabs>
          <w:tab w:val="num" w:pos="1440"/>
        </w:tabs>
        <w:ind w:firstLine="720"/>
      </w:pPr>
      <w:rPr>
        <w:rFonts w:ascii="Times New Roman Bold" w:hAnsi="Times New Roman Bold" w:cs="Times New Roman" w:hint="default"/>
        <w:b/>
        <w:i w:val="0"/>
        <w:caps w:val="0"/>
        <w:smallCaps w:val="0"/>
        <w:sz w:val="24"/>
        <w:u w:val="none"/>
      </w:rPr>
    </w:lvl>
    <w:lvl w:ilvl="1">
      <w:start w:val="1"/>
      <w:numFmt w:val="lowerLetter"/>
      <w:pStyle w:val="ARTICLEG2"/>
      <w:lvlText w:val="(%2)"/>
      <w:lvlJc w:val="left"/>
      <w:pPr>
        <w:tabs>
          <w:tab w:val="num" w:pos="1440"/>
        </w:tabs>
        <w:ind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2">
      <w:start w:val="1"/>
      <w:numFmt w:val="lowerRoman"/>
      <w:pStyle w:val="ARTICLEG3"/>
      <w:lvlText w:val="(%3)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3">
      <w:start w:val="1"/>
      <w:numFmt w:val="decimal"/>
      <w:pStyle w:val="ARTICLEG4"/>
      <w:lvlText w:val="(%4)"/>
      <w:lvlJc w:val="left"/>
      <w:pPr>
        <w:tabs>
          <w:tab w:val="num" w:pos="1440"/>
        </w:tabs>
        <w:ind w:left="216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4">
      <w:start w:val="1"/>
      <w:numFmt w:val="decimal"/>
      <w:pStyle w:val="ARTICLEG5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5">
      <w:start w:val="1"/>
      <w:numFmt w:val="none"/>
      <w:lvlRestart w:val="0"/>
      <w:pStyle w:val="ARTICLEG6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6">
      <w:start w:val="1"/>
      <w:numFmt w:val="none"/>
      <w:lvlRestart w:val="0"/>
      <w:pStyle w:val="ARTICLEG7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7">
      <w:start w:val="1"/>
      <w:numFmt w:val="none"/>
      <w:lvlRestart w:val="0"/>
      <w:pStyle w:val="ARTICLEG8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8">
      <w:start w:val="1"/>
      <w:numFmt w:val="none"/>
      <w:lvlRestart w:val="0"/>
      <w:pStyle w:val="ARTICLEG9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</w:abstractNum>
  <w:abstractNum w:abstractNumId="45" w15:restartNumberingAfterBreak="0">
    <w:nsid w:val="6D3C53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6" w15:restartNumberingAfterBreak="0">
    <w:nsid w:val="6FB67649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7" w15:restartNumberingAfterBreak="0">
    <w:nsid w:val="707A4027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8" w15:restartNumberingAfterBreak="0">
    <w:nsid w:val="753B3AF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9" w15:restartNumberingAfterBreak="0">
    <w:nsid w:val="7570242F"/>
    <w:multiLevelType w:val="hybridMultilevel"/>
    <w:tmpl w:val="C086637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0" w15:restartNumberingAfterBreak="0">
    <w:nsid w:val="78D308B6"/>
    <w:multiLevelType w:val="hybridMultilevel"/>
    <w:tmpl w:val="E614134A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FE8AA474">
      <w:start w:val="1"/>
      <w:numFmt w:val="lowerRoman"/>
      <w:lvlText w:val="(%3)"/>
      <w:lvlJc w:val="right"/>
      <w:pPr>
        <w:tabs>
          <w:tab w:val="num" w:pos="2160"/>
        </w:tabs>
        <w:ind w:left="2160" w:hanging="18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num w:numId="1">
    <w:abstractNumId w:val="1"/>
  </w:num>
  <w:num w:numId="2">
    <w:abstractNumId w:val="2"/>
  </w:num>
  <w:num w:numId="3">
    <w:abstractNumId w:val="44"/>
  </w:num>
  <w:num w:numId="4">
    <w:abstractNumId w:val="25"/>
  </w:num>
  <w:num w:numId="5">
    <w:abstractNumId w:val="50"/>
  </w:num>
  <w:num w:numId="6">
    <w:abstractNumId w:val="7"/>
  </w:num>
  <w:num w:numId="7">
    <w:abstractNumId w:val="11"/>
  </w:num>
  <w:num w:numId="8">
    <w:abstractNumId w:val="27"/>
  </w:num>
  <w:num w:numId="9">
    <w:abstractNumId w:val="23"/>
  </w:num>
  <w:num w:numId="10">
    <w:abstractNumId w:val="20"/>
  </w:num>
  <w:num w:numId="11">
    <w:abstractNumId w:val="6"/>
  </w:num>
  <w:num w:numId="12">
    <w:abstractNumId w:val="48"/>
  </w:num>
  <w:num w:numId="13">
    <w:abstractNumId w:val="33"/>
  </w:num>
  <w:num w:numId="14">
    <w:abstractNumId w:val="26"/>
  </w:num>
  <w:num w:numId="15">
    <w:abstractNumId w:val="29"/>
  </w:num>
  <w:num w:numId="16">
    <w:abstractNumId w:val="19"/>
  </w:num>
  <w:num w:numId="17">
    <w:abstractNumId w:val="40"/>
  </w:num>
  <w:num w:numId="18">
    <w:abstractNumId w:val="24"/>
  </w:num>
  <w:num w:numId="19">
    <w:abstractNumId w:val="39"/>
  </w:num>
  <w:num w:numId="20">
    <w:abstractNumId w:val="5"/>
  </w:num>
  <w:num w:numId="21">
    <w:abstractNumId w:val="3"/>
  </w:num>
  <w:num w:numId="22">
    <w:abstractNumId w:val="12"/>
  </w:num>
  <w:num w:numId="23">
    <w:abstractNumId w:val="32"/>
  </w:num>
  <w:num w:numId="24">
    <w:abstractNumId w:val="14"/>
  </w:num>
  <w:num w:numId="25">
    <w:abstractNumId w:val="9"/>
  </w:num>
  <w:num w:numId="26">
    <w:abstractNumId w:val="4"/>
  </w:num>
  <w:num w:numId="27">
    <w:abstractNumId w:val="10"/>
  </w:num>
  <w:num w:numId="28">
    <w:abstractNumId w:val="15"/>
  </w:num>
  <w:num w:numId="29">
    <w:abstractNumId w:val="30"/>
  </w:num>
  <w:num w:numId="30">
    <w:abstractNumId w:val="28"/>
  </w:num>
  <w:num w:numId="31">
    <w:abstractNumId w:val="36"/>
  </w:num>
  <w:num w:numId="32">
    <w:abstractNumId w:val="22"/>
  </w:num>
  <w:num w:numId="33">
    <w:abstractNumId w:val="42"/>
  </w:num>
  <w:num w:numId="34">
    <w:abstractNumId w:val="45"/>
  </w:num>
  <w:num w:numId="35">
    <w:abstractNumId w:val="41"/>
  </w:num>
  <w:num w:numId="36">
    <w:abstractNumId w:val="47"/>
  </w:num>
  <w:num w:numId="37">
    <w:abstractNumId w:val="31"/>
  </w:num>
  <w:num w:numId="38">
    <w:abstractNumId w:val="46"/>
  </w:num>
  <w:num w:numId="39">
    <w:abstractNumId w:val="16"/>
  </w:num>
  <w:num w:numId="40">
    <w:abstractNumId w:val="21"/>
  </w:num>
  <w:num w:numId="41">
    <w:abstractNumId w:val="49"/>
  </w:num>
  <w:num w:numId="42">
    <w:abstractNumId w:val="34"/>
  </w:num>
  <w:num w:numId="43">
    <w:abstractNumId w:val="37"/>
  </w:num>
  <w:num w:numId="44">
    <w:abstractNumId w:val="35"/>
  </w:num>
  <w:num w:numId="45">
    <w:abstractNumId w:val="13"/>
  </w:num>
  <w:num w:numId="46">
    <w:abstractNumId w:val="43"/>
  </w:num>
  <w:num w:numId="47">
    <w:abstractNumId w:val="38"/>
  </w:num>
  <w:num w:numId="48">
    <w:abstractNumId w:val="8"/>
  </w:num>
  <w:num w:numId="49">
    <w:abstractNumId w:val="18"/>
  </w:num>
  <w:num w:numId="50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rsids>
    <w:rsidRoot w:val="00A420FD"/>
    <w:rsid w:val="00000622"/>
    <w:rsid w:val="00001F99"/>
    <w:rsid w:val="00001FDA"/>
    <w:rsid w:val="0001188C"/>
    <w:rsid w:val="00011D0E"/>
    <w:rsid w:val="00016762"/>
    <w:rsid w:val="00017053"/>
    <w:rsid w:val="0001711B"/>
    <w:rsid w:val="00020855"/>
    <w:rsid w:val="000215BA"/>
    <w:rsid w:val="00030599"/>
    <w:rsid w:val="0003269A"/>
    <w:rsid w:val="0004485D"/>
    <w:rsid w:val="000448D4"/>
    <w:rsid w:val="0004760D"/>
    <w:rsid w:val="00051043"/>
    <w:rsid w:val="00055BC5"/>
    <w:rsid w:val="00056316"/>
    <w:rsid w:val="0007543C"/>
    <w:rsid w:val="00083709"/>
    <w:rsid w:val="0008444A"/>
    <w:rsid w:val="00084F82"/>
    <w:rsid w:val="000878D1"/>
    <w:rsid w:val="00091A68"/>
    <w:rsid w:val="000953B3"/>
    <w:rsid w:val="00095A0C"/>
    <w:rsid w:val="000A71D0"/>
    <w:rsid w:val="000B1933"/>
    <w:rsid w:val="000C3CCD"/>
    <w:rsid w:val="000D1418"/>
    <w:rsid w:val="000D18DA"/>
    <w:rsid w:val="000D2A86"/>
    <w:rsid w:val="000D542B"/>
    <w:rsid w:val="000E048E"/>
    <w:rsid w:val="000E47BF"/>
    <w:rsid w:val="000E4A10"/>
    <w:rsid w:val="000E4D9E"/>
    <w:rsid w:val="000E6B54"/>
    <w:rsid w:val="000E776E"/>
    <w:rsid w:val="00101559"/>
    <w:rsid w:val="00101CCD"/>
    <w:rsid w:val="001045A6"/>
    <w:rsid w:val="0010478F"/>
    <w:rsid w:val="00104C59"/>
    <w:rsid w:val="00112738"/>
    <w:rsid w:val="00112A1F"/>
    <w:rsid w:val="0011451C"/>
    <w:rsid w:val="00117C08"/>
    <w:rsid w:val="00117EC5"/>
    <w:rsid w:val="00120442"/>
    <w:rsid w:val="0013007B"/>
    <w:rsid w:val="00135F94"/>
    <w:rsid w:val="0014205A"/>
    <w:rsid w:val="00145B0F"/>
    <w:rsid w:val="00150477"/>
    <w:rsid w:val="00150C03"/>
    <w:rsid w:val="00152D11"/>
    <w:rsid w:val="00154188"/>
    <w:rsid w:val="001571F6"/>
    <w:rsid w:val="001576E8"/>
    <w:rsid w:val="00160086"/>
    <w:rsid w:val="00161EEC"/>
    <w:rsid w:val="00162CEC"/>
    <w:rsid w:val="00180E90"/>
    <w:rsid w:val="00190BAB"/>
    <w:rsid w:val="001918CA"/>
    <w:rsid w:val="00193E02"/>
    <w:rsid w:val="001A167F"/>
    <w:rsid w:val="001A28AD"/>
    <w:rsid w:val="001B070C"/>
    <w:rsid w:val="001B7CD3"/>
    <w:rsid w:val="001C29C5"/>
    <w:rsid w:val="001C71EE"/>
    <w:rsid w:val="001D2E12"/>
    <w:rsid w:val="001D7B7D"/>
    <w:rsid w:val="001E17D8"/>
    <w:rsid w:val="001E3FB5"/>
    <w:rsid w:val="001E43E5"/>
    <w:rsid w:val="001E4DD4"/>
    <w:rsid w:val="001E51C6"/>
    <w:rsid w:val="001F0BDA"/>
    <w:rsid w:val="001F0D6D"/>
    <w:rsid w:val="001F4505"/>
    <w:rsid w:val="001F454B"/>
    <w:rsid w:val="001F4E57"/>
    <w:rsid w:val="001F76DA"/>
    <w:rsid w:val="002000C8"/>
    <w:rsid w:val="002016BC"/>
    <w:rsid w:val="0021348D"/>
    <w:rsid w:val="00214142"/>
    <w:rsid w:val="0021540A"/>
    <w:rsid w:val="00217211"/>
    <w:rsid w:val="0021756D"/>
    <w:rsid w:val="00224E9C"/>
    <w:rsid w:val="00232270"/>
    <w:rsid w:val="00232874"/>
    <w:rsid w:val="00232D20"/>
    <w:rsid w:val="00235EEA"/>
    <w:rsid w:val="00241BF4"/>
    <w:rsid w:val="0025040E"/>
    <w:rsid w:val="00252AA7"/>
    <w:rsid w:val="002570BA"/>
    <w:rsid w:val="00271ACB"/>
    <w:rsid w:val="002725DC"/>
    <w:rsid w:val="002728D0"/>
    <w:rsid w:val="002757F6"/>
    <w:rsid w:val="00281DE2"/>
    <w:rsid w:val="002879C4"/>
    <w:rsid w:val="00290679"/>
    <w:rsid w:val="00293C98"/>
    <w:rsid w:val="0029489D"/>
    <w:rsid w:val="002A276C"/>
    <w:rsid w:val="002A284C"/>
    <w:rsid w:val="002A6505"/>
    <w:rsid w:val="002B0080"/>
    <w:rsid w:val="002B1D6C"/>
    <w:rsid w:val="002B22C4"/>
    <w:rsid w:val="002B4D64"/>
    <w:rsid w:val="002B6248"/>
    <w:rsid w:val="002C21D3"/>
    <w:rsid w:val="002C251D"/>
    <w:rsid w:val="002C2704"/>
    <w:rsid w:val="002C4C8A"/>
    <w:rsid w:val="002D3B98"/>
    <w:rsid w:val="002E10BF"/>
    <w:rsid w:val="002E624F"/>
    <w:rsid w:val="002E7064"/>
    <w:rsid w:val="002F2CA7"/>
    <w:rsid w:val="002F4116"/>
    <w:rsid w:val="003014DF"/>
    <w:rsid w:val="00307E22"/>
    <w:rsid w:val="00316983"/>
    <w:rsid w:val="00327686"/>
    <w:rsid w:val="00330A34"/>
    <w:rsid w:val="00332CC2"/>
    <w:rsid w:val="003334BE"/>
    <w:rsid w:val="00334C89"/>
    <w:rsid w:val="00337AAA"/>
    <w:rsid w:val="00341743"/>
    <w:rsid w:val="00344ACF"/>
    <w:rsid w:val="00345DDF"/>
    <w:rsid w:val="003463A1"/>
    <w:rsid w:val="0035319B"/>
    <w:rsid w:val="00361CA5"/>
    <w:rsid w:val="00371719"/>
    <w:rsid w:val="0037349F"/>
    <w:rsid w:val="00391341"/>
    <w:rsid w:val="003978CE"/>
    <w:rsid w:val="00397CC7"/>
    <w:rsid w:val="00397D25"/>
    <w:rsid w:val="003A05C0"/>
    <w:rsid w:val="003A2627"/>
    <w:rsid w:val="003A766F"/>
    <w:rsid w:val="003B1D84"/>
    <w:rsid w:val="003B2417"/>
    <w:rsid w:val="003B31CB"/>
    <w:rsid w:val="003B6818"/>
    <w:rsid w:val="003C2429"/>
    <w:rsid w:val="003C4259"/>
    <w:rsid w:val="003D0158"/>
    <w:rsid w:val="003D1288"/>
    <w:rsid w:val="003D1A96"/>
    <w:rsid w:val="003D2575"/>
    <w:rsid w:val="003D42BA"/>
    <w:rsid w:val="003D7ECA"/>
    <w:rsid w:val="003E092B"/>
    <w:rsid w:val="003E2E5D"/>
    <w:rsid w:val="003E50FC"/>
    <w:rsid w:val="003F0DB4"/>
    <w:rsid w:val="003F18AC"/>
    <w:rsid w:val="003F2F3F"/>
    <w:rsid w:val="003F3287"/>
    <w:rsid w:val="003F3C76"/>
    <w:rsid w:val="003F4215"/>
    <w:rsid w:val="003F5157"/>
    <w:rsid w:val="00411B89"/>
    <w:rsid w:val="00413D53"/>
    <w:rsid w:val="00423B4E"/>
    <w:rsid w:val="0042437A"/>
    <w:rsid w:val="00430E3D"/>
    <w:rsid w:val="004342BE"/>
    <w:rsid w:val="00437F26"/>
    <w:rsid w:val="00440B78"/>
    <w:rsid w:val="00442895"/>
    <w:rsid w:val="00443D41"/>
    <w:rsid w:val="004445BE"/>
    <w:rsid w:val="004504B5"/>
    <w:rsid w:val="00453EEF"/>
    <w:rsid w:val="00457C84"/>
    <w:rsid w:val="00476B51"/>
    <w:rsid w:val="0048189B"/>
    <w:rsid w:val="00486CEA"/>
    <w:rsid w:val="004914E6"/>
    <w:rsid w:val="004957E4"/>
    <w:rsid w:val="004A0AF7"/>
    <w:rsid w:val="004A6377"/>
    <w:rsid w:val="004A6F5A"/>
    <w:rsid w:val="004A6F8C"/>
    <w:rsid w:val="004B56BC"/>
    <w:rsid w:val="004C324B"/>
    <w:rsid w:val="004C7A1A"/>
    <w:rsid w:val="004D100F"/>
    <w:rsid w:val="004D2200"/>
    <w:rsid w:val="004D292E"/>
    <w:rsid w:val="004D2FD1"/>
    <w:rsid w:val="004D575D"/>
    <w:rsid w:val="004E0BB5"/>
    <w:rsid w:val="004E3D4D"/>
    <w:rsid w:val="004E523C"/>
    <w:rsid w:val="004E6900"/>
    <w:rsid w:val="00500010"/>
    <w:rsid w:val="00501B2B"/>
    <w:rsid w:val="005153EA"/>
    <w:rsid w:val="0052205C"/>
    <w:rsid w:val="00525736"/>
    <w:rsid w:val="00530FAA"/>
    <w:rsid w:val="00540709"/>
    <w:rsid w:val="0055133E"/>
    <w:rsid w:val="00554CB6"/>
    <w:rsid w:val="00555B0D"/>
    <w:rsid w:val="00561E06"/>
    <w:rsid w:val="00564B00"/>
    <w:rsid w:val="0056659B"/>
    <w:rsid w:val="00566B61"/>
    <w:rsid w:val="00567200"/>
    <w:rsid w:val="00574D64"/>
    <w:rsid w:val="00574DF9"/>
    <w:rsid w:val="005775F7"/>
    <w:rsid w:val="005801CA"/>
    <w:rsid w:val="00580FB8"/>
    <w:rsid w:val="0058218A"/>
    <w:rsid w:val="0058720F"/>
    <w:rsid w:val="0059148C"/>
    <w:rsid w:val="00594C92"/>
    <w:rsid w:val="005A13FF"/>
    <w:rsid w:val="005A16A0"/>
    <w:rsid w:val="005B3DD4"/>
    <w:rsid w:val="005C518D"/>
    <w:rsid w:val="005D1007"/>
    <w:rsid w:val="005E01F1"/>
    <w:rsid w:val="005E1E3C"/>
    <w:rsid w:val="005E2718"/>
    <w:rsid w:val="005F1766"/>
    <w:rsid w:val="005F2812"/>
    <w:rsid w:val="005F2F56"/>
    <w:rsid w:val="006015A9"/>
    <w:rsid w:val="0060320A"/>
    <w:rsid w:val="00610A9D"/>
    <w:rsid w:val="006159B0"/>
    <w:rsid w:val="0061672B"/>
    <w:rsid w:val="00621B4D"/>
    <w:rsid w:val="00624618"/>
    <w:rsid w:val="006257CA"/>
    <w:rsid w:val="00627163"/>
    <w:rsid w:val="00631D4C"/>
    <w:rsid w:val="00634375"/>
    <w:rsid w:val="00635394"/>
    <w:rsid w:val="00635F92"/>
    <w:rsid w:val="00644EB0"/>
    <w:rsid w:val="00663353"/>
    <w:rsid w:val="006654DE"/>
    <w:rsid w:val="0067439E"/>
    <w:rsid w:val="006745F2"/>
    <w:rsid w:val="00677D01"/>
    <w:rsid w:val="006804C7"/>
    <w:rsid w:val="006839DA"/>
    <w:rsid w:val="00683B28"/>
    <w:rsid w:val="00683D0A"/>
    <w:rsid w:val="00686138"/>
    <w:rsid w:val="00687F38"/>
    <w:rsid w:val="00693ABB"/>
    <w:rsid w:val="00696E6C"/>
    <w:rsid w:val="006A25F4"/>
    <w:rsid w:val="006A3719"/>
    <w:rsid w:val="006A42D0"/>
    <w:rsid w:val="006A6109"/>
    <w:rsid w:val="006B2750"/>
    <w:rsid w:val="006C36B8"/>
    <w:rsid w:val="006C3B99"/>
    <w:rsid w:val="006C3C2B"/>
    <w:rsid w:val="006D0DCE"/>
    <w:rsid w:val="006D28D5"/>
    <w:rsid w:val="006D3A30"/>
    <w:rsid w:val="006E3050"/>
    <w:rsid w:val="006E5407"/>
    <w:rsid w:val="006F1377"/>
    <w:rsid w:val="006F1EDD"/>
    <w:rsid w:val="006F5188"/>
    <w:rsid w:val="006F6BB4"/>
    <w:rsid w:val="00703174"/>
    <w:rsid w:val="00721A97"/>
    <w:rsid w:val="0072410C"/>
    <w:rsid w:val="007264E2"/>
    <w:rsid w:val="00731FDE"/>
    <w:rsid w:val="0073205B"/>
    <w:rsid w:val="00732A30"/>
    <w:rsid w:val="00735984"/>
    <w:rsid w:val="007403D3"/>
    <w:rsid w:val="00740494"/>
    <w:rsid w:val="0074683D"/>
    <w:rsid w:val="00747661"/>
    <w:rsid w:val="00751F0C"/>
    <w:rsid w:val="00755125"/>
    <w:rsid w:val="0076208A"/>
    <w:rsid w:val="00762807"/>
    <w:rsid w:val="0076306D"/>
    <w:rsid w:val="00763BB2"/>
    <w:rsid w:val="00765A0B"/>
    <w:rsid w:val="007664F0"/>
    <w:rsid w:val="007743F9"/>
    <w:rsid w:val="00775EB6"/>
    <w:rsid w:val="007A4593"/>
    <w:rsid w:val="007A73E3"/>
    <w:rsid w:val="007A7ED6"/>
    <w:rsid w:val="007C01CA"/>
    <w:rsid w:val="007C4E1F"/>
    <w:rsid w:val="007C6C63"/>
    <w:rsid w:val="007D018B"/>
    <w:rsid w:val="007D0D56"/>
    <w:rsid w:val="007D4CE5"/>
    <w:rsid w:val="007D7D9B"/>
    <w:rsid w:val="007E6409"/>
    <w:rsid w:val="007F113B"/>
    <w:rsid w:val="007F534F"/>
    <w:rsid w:val="007F6DF4"/>
    <w:rsid w:val="00802980"/>
    <w:rsid w:val="00803E73"/>
    <w:rsid w:val="00805BF8"/>
    <w:rsid w:val="0081144A"/>
    <w:rsid w:val="0081186D"/>
    <w:rsid w:val="00812228"/>
    <w:rsid w:val="00823148"/>
    <w:rsid w:val="00827B30"/>
    <w:rsid w:val="008317AD"/>
    <w:rsid w:val="00835748"/>
    <w:rsid w:val="00835C47"/>
    <w:rsid w:val="0083601D"/>
    <w:rsid w:val="0083706F"/>
    <w:rsid w:val="00837BD4"/>
    <w:rsid w:val="00846D96"/>
    <w:rsid w:val="00847DDF"/>
    <w:rsid w:val="008501DD"/>
    <w:rsid w:val="008553AF"/>
    <w:rsid w:val="00855945"/>
    <w:rsid w:val="008615CD"/>
    <w:rsid w:val="008620F6"/>
    <w:rsid w:val="008646BA"/>
    <w:rsid w:val="00866D66"/>
    <w:rsid w:val="00872A31"/>
    <w:rsid w:val="00873BE7"/>
    <w:rsid w:val="0087505D"/>
    <w:rsid w:val="00875454"/>
    <w:rsid w:val="00880F5C"/>
    <w:rsid w:val="00881168"/>
    <w:rsid w:val="00881E43"/>
    <w:rsid w:val="008836E5"/>
    <w:rsid w:val="00887E37"/>
    <w:rsid w:val="0089151E"/>
    <w:rsid w:val="008917C9"/>
    <w:rsid w:val="00896575"/>
    <w:rsid w:val="0089791F"/>
    <w:rsid w:val="008A1EE3"/>
    <w:rsid w:val="008A4F05"/>
    <w:rsid w:val="008A7C68"/>
    <w:rsid w:val="008B446D"/>
    <w:rsid w:val="008B6639"/>
    <w:rsid w:val="008C074A"/>
    <w:rsid w:val="008C5DBC"/>
    <w:rsid w:val="008C7AB2"/>
    <w:rsid w:val="008D28F5"/>
    <w:rsid w:val="008E252B"/>
    <w:rsid w:val="008F3482"/>
    <w:rsid w:val="009123A2"/>
    <w:rsid w:val="00916700"/>
    <w:rsid w:val="00916778"/>
    <w:rsid w:val="0091746A"/>
    <w:rsid w:val="00922CB9"/>
    <w:rsid w:val="0092447B"/>
    <w:rsid w:val="00924740"/>
    <w:rsid w:val="00924BFE"/>
    <w:rsid w:val="00927711"/>
    <w:rsid w:val="0093278D"/>
    <w:rsid w:val="00943714"/>
    <w:rsid w:val="00945038"/>
    <w:rsid w:val="00945E3D"/>
    <w:rsid w:val="00946916"/>
    <w:rsid w:val="00953232"/>
    <w:rsid w:val="00957FE1"/>
    <w:rsid w:val="00961063"/>
    <w:rsid w:val="00963CB5"/>
    <w:rsid w:val="00964163"/>
    <w:rsid w:val="00964CFC"/>
    <w:rsid w:val="00965CC3"/>
    <w:rsid w:val="00970DE4"/>
    <w:rsid w:val="009713D4"/>
    <w:rsid w:val="00974CC9"/>
    <w:rsid w:val="00974FB0"/>
    <w:rsid w:val="00980F28"/>
    <w:rsid w:val="00992DE3"/>
    <w:rsid w:val="00993A40"/>
    <w:rsid w:val="009A29B8"/>
    <w:rsid w:val="009A303C"/>
    <w:rsid w:val="009C3FEF"/>
    <w:rsid w:val="009D1B74"/>
    <w:rsid w:val="009D5373"/>
    <w:rsid w:val="009D6D97"/>
    <w:rsid w:val="009E50DB"/>
    <w:rsid w:val="009F0F56"/>
    <w:rsid w:val="009F7905"/>
    <w:rsid w:val="009F79DE"/>
    <w:rsid w:val="00A00E86"/>
    <w:rsid w:val="00A038F9"/>
    <w:rsid w:val="00A13E63"/>
    <w:rsid w:val="00A13F8C"/>
    <w:rsid w:val="00A169A0"/>
    <w:rsid w:val="00A16AD1"/>
    <w:rsid w:val="00A2584D"/>
    <w:rsid w:val="00A258A7"/>
    <w:rsid w:val="00A318FB"/>
    <w:rsid w:val="00A343FC"/>
    <w:rsid w:val="00A420FD"/>
    <w:rsid w:val="00A43582"/>
    <w:rsid w:val="00A52BBC"/>
    <w:rsid w:val="00A63359"/>
    <w:rsid w:val="00A65470"/>
    <w:rsid w:val="00A7295E"/>
    <w:rsid w:val="00A7411A"/>
    <w:rsid w:val="00A75D3F"/>
    <w:rsid w:val="00A772F8"/>
    <w:rsid w:val="00A80806"/>
    <w:rsid w:val="00A84574"/>
    <w:rsid w:val="00A84EEF"/>
    <w:rsid w:val="00A85901"/>
    <w:rsid w:val="00A86AD5"/>
    <w:rsid w:val="00A86E39"/>
    <w:rsid w:val="00AA3963"/>
    <w:rsid w:val="00AA7F33"/>
    <w:rsid w:val="00AA7F42"/>
    <w:rsid w:val="00AB0A92"/>
    <w:rsid w:val="00AB3A15"/>
    <w:rsid w:val="00AB612C"/>
    <w:rsid w:val="00AB6214"/>
    <w:rsid w:val="00AB6216"/>
    <w:rsid w:val="00AC131A"/>
    <w:rsid w:val="00AD2116"/>
    <w:rsid w:val="00AD2742"/>
    <w:rsid w:val="00AE0D01"/>
    <w:rsid w:val="00AF1601"/>
    <w:rsid w:val="00AF40C1"/>
    <w:rsid w:val="00AF4F7E"/>
    <w:rsid w:val="00AF7C42"/>
    <w:rsid w:val="00B03038"/>
    <w:rsid w:val="00B0509E"/>
    <w:rsid w:val="00B067B8"/>
    <w:rsid w:val="00B10718"/>
    <w:rsid w:val="00B12E27"/>
    <w:rsid w:val="00B1393C"/>
    <w:rsid w:val="00B14B87"/>
    <w:rsid w:val="00B20B8F"/>
    <w:rsid w:val="00B20CFA"/>
    <w:rsid w:val="00B228A2"/>
    <w:rsid w:val="00B25121"/>
    <w:rsid w:val="00B25673"/>
    <w:rsid w:val="00B35FCB"/>
    <w:rsid w:val="00B375D5"/>
    <w:rsid w:val="00B43530"/>
    <w:rsid w:val="00B43FD5"/>
    <w:rsid w:val="00B46286"/>
    <w:rsid w:val="00B655C6"/>
    <w:rsid w:val="00B66F6D"/>
    <w:rsid w:val="00B7074A"/>
    <w:rsid w:val="00B71799"/>
    <w:rsid w:val="00B718AE"/>
    <w:rsid w:val="00B71A48"/>
    <w:rsid w:val="00B72B87"/>
    <w:rsid w:val="00B86B3F"/>
    <w:rsid w:val="00B9340A"/>
    <w:rsid w:val="00B96EF1"/>
    <w:rsid w:val="00B97240"/>
    <w:rsid w:val="00BA0AA0"/>
    <w:rsid w:val="00BA6D44"/>
    <w:rsid w:val="00BA7742"/>
    <w:rsid w:val="00BB1C67"/>
    <w:rsid w:val="00BB39DA"/>
    <w:rsid w:val="00BB3F28"/>
    <w:rsid w:val="00BC010C"/>
    <w:rsid w:val="00BC57CA"/>
    <w:rsid w:val="00BC5AA1"/>
    <w:rsid w:val="00BD0D98"/>
    <w:rsid w:val="00BD1C7B"/>
    <w:rsid w:val="00BD5808"/>
    <w:rsid w:val="00BD5E4F"/>
    <w:rsid w:val="00BD5FD1"/>
    <w:rsid w:val="00BD6D5D"/>
    <w:rsid w:val="00BE189B"/>
    <w:rsid w:val="00BE48AE"/>
    <w:rsid w:val="00BE502B"/>
    <w:rsid w:val="00BE78ED"/>
    <w:rsid w:val="00BF066D"/>
    <w:rsid w:val="00BF2AD6"/>
    <w:rsid w:val="00BF750C"/>
    <w:rsid w:val="00C003EF"/>
    <w:rsid w:val="00C014E1"/>
    <w:rsid w:val="00C044B8"/>
    <w:rsid w:val="00C078C3"/>
    <w:rsid w:val="00C11A29"/>
    <w:rsid w:val="00C14B0F"/>
    <w:rsid w:val="00C30170"/>
    <w:rsid w:val="00C34899"/>
    <w:rsid w:val="00C37C7E"/>
    <w:rsid w:val="00C410F0"/>
    <w:rsid w:val="00C43321"/>
    <w:rsid w:val="00C445C0"/>
    <w:rsid w:val="00C51E39"/>
    <w:rsid w:val="00C542AC"/>
    <w:rsid w:val="00C56EB2"/>
    <w:rsid w:val="00C61F2C"/>
    <w:rsid w:val="00C647E1"/>
    <w:rsid w:val="00C648F4"/>
    <w:rsid w:val="00C66954"/>
    <w:rsid w:val="00C769CB"/>
    <w:rsid w:val="00C77EF8"/>
    <w:rsid w:val="00C90C24"/>
    <w:rsid w:val="00C96797"/>
    <w:rsid w:val="00CA45DD"/>
    <w:rsid w:val="00CB2615"/>
    <w:rsid w:val="00CC3903"/>
    <w:rsid w:val="00CC515A"/>
    <w:rsid w:val="00CC76D1"/>
    <w:rsid w:val="00CC7E76"/>
    <w:rsid w:val="00CD1D73"/>
    <w:rsid w:val="00CD23F6"/>
    <w:rsid w:val="00CD59FC"/>
    <w:rsid w:val="00CD60C7"/>
    <w:rsid w:val="00CE1DEB"/>
    <w:rsid w:val="00CE327C"/>
    <w:rsid w:val="00CF07BA"/>
    <w:rsid w:val="00CF435F"/>
    <w:rsid w:val="00CF68BC"/>
    <w:rsid w:val="00D01933"/>
    <w:rsid w:val="00D03FD1"/>
    <w:rsid w:val="00D04C93"/>
    <w:rsid w:val="00D0723D"/>
    <w:rsid w:val="00D074C6"/>
    <w:rsid w:val="00D12173"/>
    <w:rsid w:val="00D21785"/>
    <w:rsid w:val="00D33A3A"/>
    <w:rsid w:val="00D35E67"/>
    <w:rsid w:val="00D37B34"/>
    <w:rsid w:val="00D42F1D"/>
    <w:rsid w:val="00D457B1"/>
    <w:rsid w:val="00D4629F"/>
    <w:rsid w:val="00D464F7"/>
    <w:rsid w:val="00D50E5D"/>
    <w:rsid w:val="00D51115"/>
    <w:rsid w:val="00D60A68"/>
    <w:rsid w:val="00D62CB9"/>
    <w:rsid w:val="00D66620"/>
    <w:rsid w:val="00D75895"/>
    <w:rsid w:val="00D8037C"/>
    <w:rsid w:val="00D811BC"/>
    <w:rsid w:val="00D85B9F"/>
    <w:rsid w:val="00D87CAB"/>
    <w:rsid w:val="00D90F68"/>
    <w:rsid w:val="00D90FBE"/>
    <w:rsid w:val="00D94527"/>
    <w:rsid w:val="00D97835"/>
    <w:rsid w:val="00DA092A"/>
    <w:rsid w:val="00DA39EF"/>
    <w:rsid w:val="00DA6D96"/>
    <w:rsid w:val="00DB1629"/>
    <w:rsid w:val="00DB62F4"/>
    <w:rsid w:val="00DC05B7"/>
    <w:rsid w:val="00DC0771"/>
    <w:rsid w:val="00DC286A"/>
    <w:rsid w:val="00DC4BBB"/>
    <w:rsid w:val="00DC5C5D"/>
    <w:rsid w:val="00DD39C9"/>
    <w:rsid w:val="00DD573C"/>
    <w:rsid w:val="00DD66F0"/>
    <w:rsid w:val="00DD769B"/>
    <w:rsid w:val="00DE6E59"/>
    <w:rsid w:val="00DF0569"/>
    <w:rsid w:val="00DF2CDA"/>
    <w:rsid w:val="00DF5CC1"/>
    <w:rsid w:val="00E028EE"/>
    <w:rsid w:val="00E02F6F"/>
    <w:rsid w:val="00E06AA9"/>
    <w:rsid w:val="00E06B3B"/>
    <w:rsid w:val="00E10AFD"/>
    <w:rsid w:val="00E132B3"/>
    <w:rsid w:val="00E139AE"/>
    <w:rsid w:val="00E139FF"/>
    <w:rsid w:val="00E14A26"/>
    <w:rsid w:val="00E1554F"/>
    <w:rsid w:val="00E161FC"/>
    <w:rsid w:val="00E16652"/>
    <w:rsid w:val="00E21896"/>
    <w:rsid w:val="00E222C6"/>
    <w:rsid w:val="00E2554C"/>
    <w:rsid w:val="00E315F5"/>
    <w:rsid w:val="00E319B5"/>
    <w:rsid w:val="00E36A6C"/>
    <w:rsid w:val="00E430C3"/>
    <w:rsid w:val="00E43D4F"/>
    <w:rsid w:val="00E51DBD"/>
    <w:rsid w:val="00E55B80"/>
    <w:rsid w:val="00E603AD"/>
    <w:rsid w:val="00E737E4"/>
    <w:rsid w:val="00E75437"/>
    <w:rsid w:val="00E77776"/>
    <w:rsid w:val="00E8075B"/>
    <w:rsid w:val="00E81CE1"/>
    <w:rsid w:val="00E83F03"/>
    <w:rsid w:val="00E86E35"/>
    <w:rsid w:val="00E87374"/>
    <w:rsid w:val="00E96912"/>
    <w:rsid w:val="00E97060"/>
    <w:rsid w:val="00E975EE"/>
    <w:rsid w:val="00EA2CA6"/>
    <w:rsid w:val="00EA3140"/>
    <w:rsid w:val="00EA3BF3"/>
    <w:rsid w:val="00EA56B4"/>
    <w:rsid w:val="00EA6A4A"/>
    <w:rsid w:val="00EB5DA9"/>
    <w:rsid w:val="00EB73DF"/>
    <w:rsid w:val="00EC45BF"/>
    <w:rsid w:val="00ED0F3E"/>
    <w:rsid w:val="00ED2372"/>
    <w:rsid w:val="00ED54CF"/>
    <w:rsid w:val="00EE65DB"/>
    <w:rsid w:val="00EE743F"/>
    <w:rsid w:val="00EF37FC"/>
    <w:rsid w:val="00EF68F4"/>
    <w:rsid w:val="00EF6CB9"/>
    <w:rsid w:val="00F02E36"/>
    <w:rsid w:val="00F043D8"/>
    <w:rsid w:val="00F1083F"/>
    <w:rsid w:val="00F13D86"/>
    <w:rsid w:val="00F2144A"/>
    <w:rsid w:val="00F222A3"/>
    <w:rsid w:val="00F31BC8"/>
    <w:rsid w:val="00F32031"/>
    <w:rsid w:val="00F41ED9"/>
    <w:rsid w:val="00F430A8"/>
    <w:rsid w:val="00F53335"/>
    <w:rsid w:val="00F56A4F"/>
    <w:rsid w:val="00F57A05"/>
    <w:rsid w:val="00F64D53"/>
    <w:rsid w:val="00F72A82"/>
    <w:rsid w:val="00F73976"/>
    <w:rsid w:val="00F74AC3"/>
    <w:rsid w:val="00F76D72"/>
    <w:rsid w:val="00F8258B"/>
    <w:rsid w:val="00F85909"/>
    <w:rsid w:val="00F85BC4"/>
    <w:rsid w:val="00F91F74"/>
    <w:rsid w:val="00F92446"/>
    <w:rsid w:val="00FA3C59"/>
    <w:rsid w:val="00FB0E54"/>
    <w:rsid w:val="00FB3000"/>
    <w:rsid w:val="00FB3106"/>
    <w:rsid w:val="00FB77D0"/>
    <w:rsid w:val="00FB7DC9"/>
    <w:rsid w:val="00FC263A"/>
    <w:rsid w:val="00FC6FA7"/>
    <w:rsid w:val="00FE0C54"/>
    <w:rsid w:val="00FE1EC0"/>
    <w:rsid w:val="00FE6EBE"/>
    <w:rsid w:val="00FF43AD"/>
    <w:rsid w:val="00FF6DCA"/>
    <w:rsid w:val="00FF72B0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fr-B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."/>
  <w:listSeparator w:val=","/>
  <w14:docId w14:val="77BD81F4"/>
  <w15:docId w15:val="{CC31FB62-5066-4B5E-A5D6-333280901F8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qFormat="1"/>
    <w:lsdException w:name="heading 2" w:uiPriority="0" w:qFormat="1"/>
    <w:lsdException w:name="heading 3" w:uiPriority="0" w:qFormat="1"/>
    <w:lsdException w:name="heading 4" w:uiPriority="0" w:qFormat="1"/>
    <w:lsdException w:name="heading 5" w:semiHidden="1" w:uiPriority="0" w:unhideWhenUsed="1" w:qFormat="1"/>
    <w:lsdException w:name="heading 6" w:uiPriority="0" w:qFormat="1"/>
    <w:lsdException w:name="heading 7" w:uiPriority="0" w:unhideWhenUsed="1" w:qFormat="1"/>
    <w:lsdException w:name="heading 8" w:uiPriority="0" w:unhideWhenUsed="1" w:qFormat="1"/>
    <w:lsdException w:name="heading 9" w:uiPriority="0" w:unhideWhenUsed="1" w:qFormat="1"/>
    <w:lsdException w:name="index 1" w:locked="1" w:semiHidden="1" w:unhideWhenUsed="1"/>
    <w:lsdException w:name="index 2" w:locked="1" w:semiHidden="1" w:unhideWhenUsed="1"/>
    <w:lsdException w:name="index 3" w:locked="1" w:semiHidden="1" w:unhideWhenUsed="1"/>
    <w:lsdException w:name="index 4" w:locked="1" w:semiHidden="1" w:unhideWhenUsed="1"/>
    <w:lsdException w:name="index 5" w:locked="1" w:semiHidden="1" w:unhideWhenUsed="1"/>
    <w:lsdException w:name="index 6" w:locked="1" w:semiHidden="1" w:unhideWhenUsed="1"/>
    <w:lsdException w:name="index 7" w:locked="1" w:semiHidden="1" w:unhideWhenUsed="1"/>
    <w:lsdException w:name="index 8" w:locked="1" w:semiHidden="1" w:unhideWhenUsed="1"/>
    <w:lsdException w:name="index 9" w:locked="1" w:semiHidden="1" w:unhideWhenUsed="1"/>
    <w:lsdException w:name="toc 1" w:uiPriority="0" w:unhideWhenUsed="1"/>
    <w:lsdException w:name="toc 2" w:uiPriority="0" w:unhideWhenUsed="1"/>
    <w:lsdException w:name="toc 3" w:uiPriority="0" w:unhideWhenUsed="1"/>
    <w:lsdException w:name="toc 4" w:uiPriority="0" w:unhideWhenUsed="1"/>
    <w:lsdException w:name="toc 5" w:uiPriority="0" w:unhideWhenUsed="1"/>
    <w:lsdException w:name="toc 6" w:uiPriority="0" w:unhideWhenUsed="1"/>
    <w:lsdException w:name="toc 7" w:uiPriority="0" w:unhideWhenUsed="1"/>
    <w:lsdException w:name="toc 8" w:uiPriority="0" w:unhideWhenUsed="1"/>
    <w:lsdException w:name="toc 9" w:uiPriority="0" w:unhideWhenUsed="1"/>
    <w:lsdException w:name="Normal Indent" w:locked="1" w:semiHidden="1" w:unhideWhenUsed="1"/>
    <w:lsdException w:name="footnote text" w:locked="1" w:semiHidden="1" w:unhideWhenUsed="1"/>
    <w:lsdException w:name="annotation text" w:locked="1" w:semiHidden="1" w:unhideWhenUsed="1"/>
    <w:lsdException w:name="header" w:locked="1" w:semiHidden="1" w:unhideWhenUsed="1"/>
    <w:lsdException w:name="footer" w:locked="1" w:semiHidden="1" w:unhideWhenUsed="1"/>
    <w:lsdException w:name="index heading" w:locked="1" w:semiHidden="1" w:unhideWhenUsed="1"/>
    <w:lsdException w:name="caption" w:uiPriority="0" w:unhideWhenUsed="1" w:qFormat="1"/>
    <w:lsdException w:name="table of figures" w:locked="1" w:semiHidden="1" w:unhideWhenUsed="1"/>
    <w:lsdException w:name="envelope address" w:locked="1" w:semiHidden="1" w:unhideWhenUsed="1"/>
    <w:lsdException w:name="envelope return" w:locked="1" w:semiHidden="1" w:unhideWhenUsed="1"/>
    <w:lsdException w:name="footnote reference" w:locked="1" w:semiHidden="1" w:unhideWhenUsed="1"/>
    <w:lsdException w:name="annotation reference" w:locked="1" w:semiHidden="1" w:unhideWhenUsed="1"/>
    <w:lsdException w:name="line number" w:locked="1" w:semiHidden="1" w:unhideWhenUsed="1"/>
    <w:lsdException w:name="page number" w:locked="1" w:semiHidden="1" w:unhideWhenUsed="1"/>
    <w:lsdException w:name="endnote reference" w:locked="1" w:semiHidden="1" w:unhideWhenUsed="1"/>
    <w:lsdException w:name="endnote text" w:locked="1" w:semiHidden="1" w:unhideWhenUsed="1"/>
    <w:lsdException w:name="table of authorities" w:locked="1" w:semiHidden="1" w:unhideWhenUsed="1"/>
    <w:lsdException w:name="macro" w:locked="1" w:semiHidden="1" w:unhideWhenUsed="1"/>
    <w:lsdException w:name="toa heading" w:locked="1" w:semiHidden="1" w:unhideWhenUsed="1"/>
    <w:lsdException w:name="List" w:locked="1" w:semiHidden="1" w:unhideWhenUsed="1"/>
    <w:lsdException w:name="List Bullet" w:locked="1" w:semiHidden="1" w:unhideWhenUsed="1"/>
    <w:lsdException w:name="List Number" w:locked="1" w:semiHidden="1" w:unhideWhenUsed="1"/>
    <w:lsdException w:name="List 2" w:locked="1" w:semiHidden="1" w:unhideWhenUsed="1"/>
    <w:lsdException w:name="List 3" w:locked="1" w:semiHidden="1" w:unhideWhenUsed="1"/>
    <w:lsdException w:name="List 4" w:locked="1" w:semiHidden="1" w:unhideWhenUsed="1"/>
    <w:lsdException w:name="List 5" w:locked="1" w:semiHidden="1" w:unhideWhenUsed="1"/>
    <w:lsdException w:name="List Bullet 2" w:locked="1" w:semiHidden="1" w:unhideWhenUsed="1"/>
    <w:lsdException w:name="List Bullet 3" w:locked="1" w:semiHidden="1" w:unhideWhenUsed="1"/>
    <w:lsdException w:name="List Bullet 4" w:locked="1" w:semiHidden="1" w:unhideWhenUsed="1"/>
    <w:lsdException w:name="List Bullet 5" w:locked="1" w:semiHidden="1" w:unhideWhenUsed="1"/>
    <w:lsdException w:name="List Number 2" w:locked="1" w:semiHidden="1" w:unhideWhenUsed="1"/>
    <w:lsdException w:name="List Number 3" w:locked="1" w:semiHidden="1" w:unhideWhenUsed="1"/>
    <w:lsdException w:name="List Number 4" w:locked="1" w:semiHidden="1" w:unhideWhenUsed="1"/>
    <w:lsdException w:name="List Number 5" w:locked="1" w:semiHidden="1" w:unhideWhenUsed="1"/>
    <w:lsdException w:name="Title" w:uiPriority="0" w:qFormat="1"/>
    <w:lsdException w:name="Closing" w:locked="1" w:semiHidden="1" w:unhideWhenUsed="1"/>
    <w:lsdException w:name="Signature" w:locked="1" w:semiHidden="1" w:unhideWhenUsed="1"/>
    <w:lsdException w:name="Default Paragraph Font" w:uiPriority="0" w:unhideWhenUsed="1"/>
    <w:lsdException w:name="Body Text" w:locked="1" w:semiHidden="1" w:unhideWhenUsed="1"/>
    <w:lsdException w:name="Body Text Indent" w:locked="1" w:semiHidden="1" w:unhideWhenUsed="1"/>
    <w:lsdException w:name="List Continue" w:locked="1" w:semiHidden="1" w:unhideWhenUsed="1"/>
    <w:lsdException w:name="List Continue 2" w:locked="1" w:semiHidden="1" w:unhideWhenUsed="1"/>
    <w:lsdException w:name="List Continue 3" w:locked="1" w:semiHidden="1" w:unhideWhenUsed="1"/>
    <w:lsdException w:name="List Continue 4" w:locked="1" w:semiHidden="1" w:unhideWhenUsed="1"/>
    <w:lsdException w:name="List Continue 5" w:locked="1" w:semiHidden="1" w:unhideWhenUsed="1"/>
    <w:lsdException w:name="Message Header" w:locked="1" w:semiHidden="1" w:unhideWhenUsed="1"/>
    <w:lsdException w:name="Subtitle" w:uiPriority="0" w:qFormat="1"/>
    <w:lsdException w:name="Salutation" w:locked="1" w:semiHidden="1" w:unhideWhenUsed="1"/>
    <w:lsdException w:name="Date" w:locked="1" w:semiHidden="1" w:unhideWhenUsed="1"/>
    <w:lsdException w:name="Body Text First Indent" w:locked="1" w:semiHidden="1" w:unhideWhenUsed="1"/>
    <w:lsdException w:name="Body Text First Indent 2" w:locked="1" w:semiHidden="1" w:unhideWhenUsed="1"/>
    <w:lsdException w:name="Note Heading" w:locked="1" w:semiHidden="1" w:unhideWhenUsed="1"/>
    <w:lsdException w:name="Body Text 2" w:locked="1" w:semiHidden="1" w:unhideWhenUsed="1"/>
    <w:lsdException w:name="Body Text 3" w:locked="1" w:semiHidden="1" w:unhideWhenUsed="1"/>
    <w:lsdException w:name="Body Text Indent 2" w:locked="1" w:semiHidden="1" w:unhideWhenUsed="1"/>
    <w:lsdException w:name="Body Text Indent 3" w:locked="1" w:semiHidden="1" w:unhideWhenUsed="1"/>
    <w:lsdException w:name="Block Text" w:locked="1" w:semiHidden="1" w:unhideWhenUsed="1"/>
    <w:lsdException w:name="Hyperlink" w:locked="1" w:semiHidden="1" w:unhideWhenUsed="1"/>
    <w:lsdException w:name="FollowedHyperlink" w:locked="1" w:semiHidden="1" w:unhideWhenUsed="1"/>
    <w:lsdException w:name="Strong" w:uiPriority="0" w:qFormat="1"/>
    <w:lsdException w:name="Emphasis" w:uiPriority="0" w:qFormat="1"/>
    <w:lsdException w:name="Document Map" w:locked="1" w:semiHidden="1" w:unhideWhenUsed="1"/>
    <w:lsdException w:name="Plain Text" w:locked="1" w:semiHidden="1" w:unhideWhenUsed="1"/>
    <w:lsdException w:name="E-mail Signature" w:locked="1" w:semiHidden="1" w:unhideWhenUsed="1"/>
    <w:lsdException w:name="HTML Top of Form" w:locked="1" w:semiHidden="1" w:unhideWhenUsed="1"/>
    <w:lsdException w:name="HTML Bottom of Form" w:locked="1" w:semiHidden="1" w:unhideWhenUsed="1"/>
    <w:lsdException w:name="Normal (Web)" w:locked="1" w:semiHidden="1" w:unhideWhenUsed="1"/>
    <w:lsdException w:name="HTML Acronym" w:locked="1" w:semiHidden="1" w:unhideWhenUsed="1"/>
    <w:lsdException w:name="HTML Address" w:locked="1" w:semiHidden="1" w:unhideWhenUsed="1"/>
    <w:lsdException w:name="HTML Cite" w:locked="1" w:semiHidden="1" w:unhideWhenUsed="1"/>
    <w:lsdException w:name="HTML Code" w:locked="1" w:semiHidden="1" w:unhideWhenUsed="1"/>
    <w:lsdException w:name="HTML Definition" w:locked="1" w:semiHidden="1" w:unhideWhenUsed="1"/>
    <w:lsdException w:name="HTML Keyboard" w:locked="1" w:semiHidden="1" w:unhideWhenUsed="1"/>
    <w:lsdException w:name="HTML Preformatted" w:locked="1" w:semiHidden="1" w:unhideWhenUsed="1"/>
    <w:lsdException w:name="HTML Sample" w:locked="1" w:semiHidden="1" w:unhideWhenUsed="1"/>
    <w:lsdException w:name="HTML Typewriter" w:locked="1" w:semiHidden="1" w:unhideWhenUsed="1"/>
    <w:lsdException w:name="HTML Variable" w:locked="1" w:semiHidden="1" w:unhideWhenUsed="1"/>
    <w:lsdException w:name="Normal Table" w:locked="1" w:semiHidden="1" w:unhideWhenUsed="1"/>
    <w:lsdException w:name="annotation subject" w:locked="1" w:semiHidden="1" w:unhideWhenUsed="1"/>
    <w:lsdException w:name="No List" w:locked="1" w:semiHidden="1" w:unhideWhenUsed="1"/>
    <w:lsdException w:name="Outline List 1" w:locked="1" w:semiHidden="1" w:unhideWhenUsed="1"/>
    <w:lsdException w:name="Outline List 2" w:locked="1" w:semiHidden="1" w:unhideWhenUsed="1"/>
    <w:lsdException w:name="Outline List 3" w:locked="1" w:semiHidden="1" w:unhideWhenUsed="1"/>
    <w:lsdException w:name="Table Simple 1" w:locked="1" w:semiHidden="1" w:unhideWhenUsed="1"/>
    <w:lsdException w:name="Table Simple 2" w:locked="1" w:semiHidden="1" w:unhideWhenUsed="1"/>
    <w:lsdException w:name="Table Simple 3" w:locked="1" w:semiHidden="1" w:unhideWhenUsed="1"/>
    <w:lsdException w:name="Table Classic 1" w:locked="1" w:semiHidden="1" w:unhideWhenUsed="1"/>
    <w:lsdException w:name="Table Classic 2" w:locked="1" w:semiHidden="1" w:unhideWhenUsed="1"/>
    <w:lsdException w:name="Table Classic 3" w:locked="1" w:semiHidden="1" w:unhideWhenUsed="1"/>
    <w:lsdException w:name="Table Classic 4" w:locked="1" w:semiHidden="1" w:unhideWhenUsed="1"/>
    <w:lsdException w:name="Table Colorful 1" w:locked="1" w:semiHidden="1" w:unhideWhenUsed="1"/>
    <w:lsdException w:name="Table Colorful 2" w:locked="1" w:semiHidden="1" w:unhideWhenUsed="1"/>
    <w:lsdException w:name="Table Colorful 3" w:locked="1" w:semiHidden="1" w:unhideWhenUsed="1"/>
    <w:lsdException w:name="Table Columns 1" w:locked="1" w:semiHidden="1" w:unhideWhenUsed="1"/>
    <w:lsdException w:name="Table Columns 2" w:locked="1" w:semiHidden="1" w:unhideWhenUsed="1"/>
    <w:lsdException w:name="Table Columns 3" w:locked="1" w:semiHidden="1" w:unhideWhenUsed="1"/>
    <w:lsdException w:name="Table Columns 4" w:locked="1" w:semiHidden="1" w:unhideWhenUsed="1"/>
    <w:lsdException w:name="Table Columns 5" w:locked="1" w:semiHidden="1" w:unhideWhenUsed="1"/>
    <w:lsdException w:name="Table Grid 1" w:locked="1" w:semiHidden="1" w:unhideWhenUsed="1"/>
    <w:lsdException w:name="Table Grid 2" w:locked="1" w:semiHidden="1" w:unhideWhenUsed="1"/>
    <w:lsdException w:name="Table Grid 3" w:locked="1" w:semiHidden="1" w:unhideWhenUsed="1"/>
    <w:lsdException w:name="Table Grid 4" w:locked="1" w:semiHidden="1" w:unhideWhenUsed="1"/>
    <w:lsdException w:name="Table Grid 5" w:locked="1" w:semiHidden="1" w:unhideWhenUsed="1"/>
    <w:lsdException w:name="Table Grid 6" w:locked="1" w:semiHidden="1" w:unhideWhenUsed="1"/>
    <w:lsdException w:name="Table Grid 7" w:locked="1" w:semiHidden="1" w:unhideWhenUsed="1"/>
    <w:lsdException w:name="Table Grid 8" w:locked="1" w:semiHidden="1" w:unhideWhenUsed="1"/>
    <w:lsdException w:name="Table List 1" w:locked="1" w:semiHidden="1" w:unhideWhenUsed="1"/>
    <w:lsdException w:name="Table List 2" w:locked="1" w:semiHidden="1" w:unhideWhenUsed="1"/>
    <w:lsdException w:name="Table List 3" w:locked="1" w:semiHidden="1" w:unhideWhenUsed="1"/>
    <w:lsdException w:name="Table List 4" w:locked="1" w:semiHidden="1" w:unhideWhenUsed="1"/>
    <w:lsdException w:name="Table List 5" w:locked="1" w:semiHidden="1" w:unhideWhenUsed="1"/>
    <w:lsdException w:name="Table List 6" w:locked="1" w:semiHidden="1" w:unhideWhenUsed="1"/>
    <w:lsdException w:name="Table List 7" w:locked="1" w:semiHidden="1" w:unhideWhenUsed="1"/>
    <w:lsdException w:name="Table List 8" w:locked="1" w:semiHidden="1" w:unhideWhenUsed="1"/>
    <w:lsdException w:name="Table 3D effects 1" w:locked="1" w:semiHidden="1" w:unhideWhenUsed="1"/>
    <w:lsdException w:name="Table 3D effects 2" w:locked="1" w:semiHidden="1" w:unhideWhenUsed="1"/>
    <w:lsdException w:name="Table 3D effects 3" w:locked="1" w:semiHidden="1" w:unhideWhenUsed="1"/>
    <w:lsdException w:name="Table Contemporary" w:locked="1" w:semiHidden="1" w:unhideWhenUsed="1"/>
    <w:lsdException w:name="Table Elegant" w:locked="1" w:semiHidden="1" w:unhideWhenUsed="1"/>
    <w:lsdException w:name="Table Professional" w:locked="1" w:semiHidden="1" w:unhideWhenUsed="1"/>
    <w:lsdException w:name="Table Subtle 1" w:locked="1" w:semiHidden="1" w:unhideWhenUsed="1"/>
    <w:lsdException w:name="Table Subtle 2" w:locked="1" w:semiHidden="1" w:unhideWhenUsed="1"/>
    <w:lsdException w:name="Table Web 1" w:locked="1" w:semiHidden="1" w:unhideWhenUsed="1"/>
    <w:lsdException w:name="Table Web 2" w:locked="1" w:semiHidden="1" w:unhideWhenUsed="1"/>
    <w:lsdException w:name="Table Web 3" w:locked="1" w:semiHidden="1" w:unhideWhenUsed="1"/>
    <w:lsdException w:name="Balloon Text" w:locked="1" w:semiHidden="1" w:unhideWhenUsed="1"/>
    <w:lsdException w:name="Table Grid" w:uiPriority="0"/>
    <w:lsdException w:name="Table Theme" w:locked="1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Heading1">
    <w:name w:val="heading 1"/>
    <w:basedOn w:val="PlainText"/>
    <w:next w:val="PlainText"/>
    <w:link w:val="Heading1Ch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Heading2">
    <w:name w:val="heading 2"/>
    <w:basedOn w:val="Normal"/>
    <w:next w:val="Normal"/>
    <w:link w:val="Heading2Ch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Heading3">
    <w:name w:val="heading 3"/>
    <w:basedOn w:val="Normal"/>
    <w:next w:val="Normal"/>
    <w:link w:val="Heading3Ch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Heading4">
    <w:name w:val="heading 4"/>
    <w:basedOn w:val="Normal"/>
    <w:next w:val="Normal"/>
    <w:link w:val="Heading4Ch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Heading6">
    <w:name w:val="heading 6"/>
    <w:basedOn w:val="Normal"/>
    <w:next w:val="Normal"/>
    <w:link w:val="Heading6Ch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Heading7">
    <w:name w:val="heading 7"/>
    <w:basedOn w:val="Normal"/>
    <w:next w:val="Normal"/>
    <w:link w:val="Heading7Ch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Heading8">
    <w:name w:val="heading 8"/>
    <w:basedOn w:val="Normal"/>
    <w:next w:val="Normal"/>
    <w:link w:val="Heading8Ch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Heading9">
    <w:name w:val="heading 9"/>
    <w:basedOn w:val="Normal"/>
    <w:next w:val="Normal"/>
    <w:link w:val="Heading9Ch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Heading2Char">
    <w:name w:val="Heading 2 Char"/>
    <w:basedOn w:val="DefaultParagraphFont"/>
    <w:link w:val="Heading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Heading3Char">
    <w:name w:val="Heading 3 Char"/>
    <w:basedOn w:val="DefaultParagraphFont"/>
    <w:link w:val="Heading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Heading4Char">
    <w:name w:val="Heading 4 Char"/>
    <w:basedOn w:val="DefaultParagraphFont"/>
    <w:link w:val="Heading4"/>
    <w:uiPriority w:val="99"/>
    <w:locked/>
    <w:rsid w:val="009F0F56"/>
    <w:rPr>
      <w:rFonts w:cs="Times New Roman"/>
      <w:b/>
      <w:sz w:val="28"/>
    </w:rPr>
  </w:style>
  <w:style w:type="character" w:customStyle="1" w:styleId="Heading6Char">
    <w:name w:val="Heading 6 Char"/>
    <w:basedOn w:val="DefaultParagraphFont"/>
    <w:link w:val="Heading6"/>
    <w:uiPriority w:val="99"/>
    <w:locked/>
    <w:rsid w:val="009F0F56"/>
    <w:rPr>
      <w:rFonts w:cs="Times New Roman"/>
      <w:b/>
      <w:sz w:val="22"/>
    </w:rPr>
  </w:style>
  <w:style w:type="character" w:customStyle="1" w:styleId="Heading7Char">
    <w:name w:val="Heading 7 Char"/>
    <w:basedOn w:val="DefaultParagraphFont"/>
    <w:link w:val="Heading7"/>
    <w:uiPriority w:val="99"/>
    <w:locked/>
    <w:rsid w:val="009F0F56"/>
    <w:rPr>
      <w:rFonts w:cs="Times New Roman"/>
      <w:sz w:val="24"/>
    </w:rPr>
  </w:style>
  <w:style w:type="character" w:customStyle="1" w:styleId="Heading8Char">
    <w:name w:val="Heading 8 Char"/>
    <w:basedOn w:val="DefaultParagraphFont"/>
    <w:link w:val="Heading8"/>
    <w:uiPriority w:val="99"/>
    <w:locked/>
    <w:rsid w:val="009F0F56"/>
    <w:rPr>
      <w:rFonts w:cs="Times New Roman"/>
      <w:i/>
      <w:sz w:val="24"/>
    </w:rPr>
  </w:style>
  <w:style w:type="character" w:customStyle="1" w:styleId="Heading9Char">
    <w:name w:val="Heading 9 Char"/>
    <w:basedOn w:val="DefaultParagraphFont"/>
    <w:link w:val="Heading9"/>
    <w:uiPriority w:val="99"/>
    <w:locked/>
    <w:rsid w:val="009F0F56"/>
    <w:rPr>
      <w:rFonts w:ascii="Arial" w:hAnsi="Arial" w:cs="Times New Roman"/>
      <w:sz w:val="22"/>
    </w:rPr>
  </w:style>
  <w:style w:type="paragraph" w:styleId="BalloonText">
    <w:name w:val="Balloon Text"/>
    <w:basedOn w:val="Normal"/>
    <w:link w:val="BalloonTextCh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PlainText">
    <w:name w:val="Plain Text"/>
    <w:aliases w:val="Style 7"/>
    <w:basedOn w:val="Normal"/>
    <w:link w:val="PlainTextCh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PlainTextChar">
    <w:name w:val="Plain Text Char"/>
    <w:aliases w:val="Style 7 Char"/>
    <w:basedOn w:val="DefaultParagraphFont"/>
    <w:link w:val="PlainText"/>
    <w:uiPriority w:val="99"/>
    <w:locked/>
    <w:rsid w:val="009F0F56"/>
    <w:rPr>
      <w:rFonts w:ascii="Courier New" w:hAnsi="Courier New" w:cs="Times New Roman"/>
    </w:rPr>
  </w:style>
  <w:style w:type="character" w:styleId="FootnoteReference">
    <w:name w:val="footnote reference"/>
    <w:aliases w:val="Style 4"/>
    <w:basedOn w:val="DefaultParagraphFont"/>
    <w:uiPriority w:val="99"/>
    <w:semiHidden/>
    <w:rsid w:val="006A3719"/>
    <w:rPr>
      <w:rFonts w:cs="Times New Roman"/>
    </w:rPr>
  </w:style>
  <w:style w:type="paragraph" w:styleId="Header">
    <w:name w:val="header"/>
    <w:aliases w:val="Style 5"/>
    <w:basedOn w:val="Normal"/>
    <w:link w:val="HeaderChar"/>
    <w:uiPriority w:val="99"/>
    <w:rsid w:val="006A3719"/>
    <w:pPr>
      <w:widowControl w:val="0"/>
    </w:pPr>
    <w:rPr>
      <w:lang w:eastAsia="en-GB"/>
    </w:rPr>
  </w:style>
  <w:style w:type="character" w:customStyle="1" w:styleId="HeaderChar">
    <w:name w:val="Header Char"/>
    <w:aliases w:val="Style 5 Char"/>
    <w:basedOn w:val="DefaultParagraphFont"/>
    <w:link w:val="Header"/>
    <w:uiPriority w:val="99"/>
    <w:locked/>
    <w:rsid w:val="009F0F56"/>
    <w:rPr>
      <w:rFonts w:cs="Times New Roman"/>
      <w:sz w:val="24"/>
    </w:rPr>
  </w:style>
  <w:style w:type="paragraph" w:styleId="Footer">
    <w:name w:val="footer"/>
    <w:aliases w:val="Style 3"/>
    <w:basedOn w:val="Normal"/>
    <w:link w:val="FooterChar"/>
    <w:uiPriority w:val="99"/>
    <w:rsid w:val="006A3719"/>
    <w:pPr>
      <w:widowControl w:val="0"/>
    </w:pPr>
    <w:rPr>
      <w:lang w:eastAsia="en-GB"/>
    </w:rPr>
  </w:style>
  <w:style w:type="character" w:customStyle="1" w:styleId="FooterChar">
    <w:name w:val="Footer Char"/>
    <w:aliases w:val="Style 3 Char"/>
    <w:basedOn w:val="DefaultParagraphFont"/>
    <w:link w:val="Footer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CommentReference">
    <w:name w:val="annotation reference"/>
    <w:basedOn w:val="DefaultParagraphFont"/>
    <w:uiPriority w:val="99"/>
    <w:rsid w:val="006A3719"/>
    <w:rPr>
      <w:rFonts w:cs="Times New Roman"/>
      <w:spacing w:val="0"/>
      <w:sz w:val="16"/>
    </w:rPr>
  </w:style>
  <w:style w:type="paragraph" w:styleId="BodyText">
    <w:name w:val="Body Text"/>
    <w:basedOn w:val="Normal"/>
    <w:link w:val="BodyTextChar"/>
    <w:uiPriority w:val="99"/>
    <w:rsid w:val="006A3719"/>
    <w:rPr>
      <w:sz w:val="18"/>
      <w:szCs w:val="18"/>
      <w:lang w:val="en-GB" w:eastAsia="en-GB"/>
    </w:rPr>
  </w:style>
  <w:style w:type="character" w:customStyle="1" w:styleId="BodyTextChar">
    <w:name w:val="Body Text Char"/>
    <w:basedOn w:val="DefaultParagraphFont"/>
    <w:link w:val="BodyText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Text">
    <w:name w:val="annotation text"/>
    <w:basedOn w:val="Normal"/>
    <w:link w:val="CommentTextChar"/>
    <w:uiPriority w:val="99"/>
    <w:rsid w:val="006A3719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DocumentMap">
    <w:name w:val="Document Map"/>
    <w:basedOn w:val="Normal"/>
    <w:link w:val="DocumentMapCh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PageNumber">
    <w:name w:val="page number"/>
    <w:basedOn w:val="DefaultParagraphFont"/>
    <w:uiPriority w:val="99"/>
    <w:rsid w:val="009F0F56"/>
    <w:rPr>
      <w:rFonts w:cs="Times New Roman"/>
    </w:rPr>
  </w:style>
  <w:style w:type="paragraph" w:styleId="BodyTextIndent">
    <w:name w:val="Body Text Indent"/>
    <w:basedOn w:val="Normal"/>
    <w:link w:val="BodyTextIndentCh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BodyTextIndentChar">
    <w:name w:val="Body Text Indent Char"/>
    <w:basedOn w:val="DefaultParagraphFont"/>
    <w:link w:val="BodyTextIndent"/>
    <w:uiPriority w:val="99"/>
    <w:locked/>
    <w:rsid w:val="009F0F56"/>
    <w:rPr>
      <w:rFonts w:cs="Times New Roman"/>
      <w:sz w:val="24"/>
    </w:rPr>
  </w:style>
  <w:style w:type="paragraph" w:styleId="List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EnvelopeReturn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BodyTextIndent2">
    <w:name w:val="Body Text Indent 2"/>
    <w:basedOn w:val="Normal"/>
    <w:link w:val="BodyTextIndent2Ch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BodyTextIndent2Char">
    <w:name w:val="Body Text Indent 2 Char"/>
    <w:basedOn w:val="DefaultParagraphFont"/>
    <w:link w:val="BodyTextIndent2"/>
    <w:uiPriority w:val="99"/>
    <w:locked/>
    <w:rsid w:val="009F0F56"/>
    <w:rPr>
      <w:rFonts w:cs="Times New Roman"/>
      <w:sz w:val="24"/>
    </w:rPr>
  </w:style>
  <w:style w:type="paragraph" w:styleId="BodyTextIndent3">
    <w:name w:val="Body Text Indent 3"/>
    <w:basedOn w:val="Normal"/>
    <w:link w:val="BodyTextIndent3Ch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BodyTextIndent3Char">
    <w:name w:val="Body Text Indent 3 Char"/>
    <w:basedOn w:val="DefaultParagraphFont"/>
    <w:link w:val="BodyTextIndent3"/>
    <w:uiPriority w:val="99"/>
    <w:locked/>
    <w:rsid w:val="009F0F56"/>
    <w:rPr>
      <w:rFonts w:cs="Times New Roman"/>
      <w:sz w:val="16"/>
    </w:rPr>
  </w:style>
  <w:style w:type="paragraph" w:styleId="CommentSubject">
    <w:name w:val="annotation subject"/>
    <w:basedOn w:val="CommentText"/>
    <w:next w:val="CommentText"/>
    <w:link w:val="CommentSubjectChar"/>
    <w:uiPriority w:val="99"/>
    <w:rsid w:val="009F0F56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locked/>
    <w:rsid w:val="009F0F56"/>
    <w:rPr>
      <w:rFonts w:cs="Times New Roman"/>
    </w:rPr>
  </w:style>
  <w:style w:type="paragraph" w:styleId="FootnoteText">
    <w:name w:val="footnote text"/>
    <w:basedOn w:val="Normal"/>
    <w:link w:val="FootnoteTextChar"/>
    <w:uiPriority w:val="99"/>
    <w:semiHidden/>
    <w:rsid w:val="009F0F56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BodyText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BodyText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BodyText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BodyText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BodyText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BodyText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BodyText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BodyText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BodyText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BodyText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BodyText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BodyText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BodyText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BodyText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BodyText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BodyText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BodyText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BodyText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TableGrid">
    <w:name w:val="Table Grid"/>
    <w:basedOn w:val="Table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Heading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OC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OC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OC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OC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OC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OC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OC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OC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OC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Caption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Heading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e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ListParagraph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DefaultParagraphFont"/>
    <w:uiPriority w:val="99"/>
    <w:rsid w:val="0089151E"/>
    <w:rPr>
      <w:rFonts w:cs="Times New Roman"/>
      <w:lang w:val="en-US" w:eastAsia="en-US" w:bidi="ar-S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862133190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133191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3365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76237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52509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emf"/><Relationship Id="rId13" Type="http://schemas.openxmlformats.org/officeDocument/2006/relationships/image" Target="media/image6.jpg"/><Relationship Id="rId18" Type="http://schemas.openxmlformats.org/officeDocument/2006/relationships/image" Target="media/image11.jpg"/><Relationship Id="rId3" Type="http://schemas.openxmlformats.org/officeDocument/2006/relationships/styles" Target="styles.xml"/><Relationship Id="rId21" Type="http://schemas.openxmlformats.org/officeDocument/2006/relationships/footer" Target="footer1.xml"/><Relationship Id="rId7" Type="http://schemas.openxmlformats.org/officeDocument/2006/relationships/endnotes" Target="endnotes.xml"/><Relationship Id="rId12" Type="http://schemas.openxmlformats.org/officeDocument/2006/relationships/image" Target="media/image5.jpg"/><Relationship Id="rId17" Type="http://schemas.openxmlformats.org/officeDocument/2006/relationships/image" Target="media/image10.jpg"/><Relationship Id="rId2" Type="http://schemas.openxmlformats.org/officeDocument/2006/relationships/numbering" Target="numbering.xml"/><Relationship Id="rId16" Type="http://schemas.openxmlformats.org/officeDocument/2006/relationships/image" Target="media/image9.jpg"/><Relationship Id="rId20" Type="http://schemas.openxmlformats.org/officeDocument/2006/relationships/header" Target="header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image" Target="media/image4.jpg"/><Relationship Id="rId5" Type="http://schemas.openxmlformats.org/officeDocument/2006/relationships/webSettings" Target="webSettings.xml"/><Relationship Id="rId15" Type="http://schemas.openxmlformats.org/officeDocument/2006/relationships/image" Target="media/image8.jpg"/><Relationship Id="rId23" Type="http://schemas.openxmlformats.org/officeDocument/2006/relationships/theme" Target="theme/theme1.xml"/><Relationship Id="rId10" Type="http://schemas.openxmlformats.org/officeDocument/2006/relationships/image" Target="media/image3.jpg"/><Relationship Id="rId19" Type="http://schemas.openxmlformats.org/officeDocument/2006/relationships/image" Target="media/image12.jpg"/><Relationship Id="rId4" Type="http://schemas.openxmlformats.org/officeDocument/2006/relationships/settings" Target="settings.xml"/><Relationship Id="rId9" Type="http://schemas.openxmlformats.org/officeDocument/2006/relationships/image" Target="media/image2.emf"/><Relationship Id="rId14" Type="http://schemas.openxmlformats.org/officeDocument/2006/relationships/image" Target="media/image7.jpg"/><Relationship Id="rId22" Type="http://schemas.openxmlformats.org/officeDocument/2006/relationships/fontTable" Target="fontTable.xml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14.png"/><Relationship Id="rId1" Type="http://schemas.openxmlformats.org/officeDocument/2006/relationships/image" Target="media/image13.wmf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A8BA654-85AF-441A-A35D-629DE6E38641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8</TotalTime>
  <Pages>4</Pages>
  <Words>236</Words>
  <Characters>1350</Characters>
  <Application>Microsoft Office Word</Application>
  <DocSecurity>0</DocSecurity>
  <Lines>11</Lines>
  <Paragraphs>3</Paragraphs>
  <ScaleCrop>false</ScaleCrop>
  <HeadingPairs>
    <vt:vector size="4" baseType="variant">
      <vt:variant>
        <vt:lpstr>Titre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MASTER TOWER LICENCE AGREEMENT</vt:lpstr>
      <vt:lpstr>MASTER TOWER LICENCE AGREEMENT</vt:lpstr>
    </vt:vector>
  </TitlesOfParts>
  <Company>HP</Company>
  <LinksUpToDate>false</LinksUpToDate>
  <CharactersWithSpaces>158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STER TOWER LICENCE AGREEMENT</dc:title>
  <dc:creator>John McDonald</dc:creator>
  <cp:lastModifiedBy>Dadja TAGBA</cp:lastModifiedBy>
  <cp:revision>5</cp:revision>
  <cp:lastPrinted>2020-03-23T17:32:00Z</cp:lastPrinted>
  <dcterms:created xsi:type="dcterms:W3CDTF">2020-11-10T07:16:00Z</dcterms:created>
  <dcterms:modified xsi:type="dcterms:W3CDTF">2020-11-16T16:0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MAIL_OWNER_ADDRESS">
    <vt:lpwstr>sAAA2RgG6J6jCJ3GIc7Iv+eYYZD/9LrZPaQQ0VVergpzQGk=</vt:lpwstr>
  </property>
  <property fmtid="{D5CDD505-2E9C-101B-9397-08002B2CF9AE}" pid="3" name="RESPONSE_SENDER_NAME">
    <vt:lpwstr>gAAAdya76B99d4hLGUR1rQ+8TxTv0GGEPdix</vt:lpwstr>
  </property>
  <property fmtid="{D5CDD505-2E9C-101B-9397-08002B2CF9AE}" pid="4" name="MAIL_MSG_ID1">
    <vt:lpwstr>ABAAVOAfoSrQoywQeG3xHf0zbbQsRIJas9NjpB08hs1JIdm910RVNfjkRj6wYvV4c5gK</vt:lpwstr>
  </property>
  <property fmtid="{D5CDD505-2E9C-101B-9397-08002B2CF9AE}" pid="5" name="MAIL_MSG_ID2">
    <vt:lpwstr>E0IN/I2xiynVeIizSPS8CY1n2ax6eFdllmiZr0+0fiIyx6Yr1rDXJ/Hl4V/Hq4D/dDfacmBCgk1HnnDDP5cpQI=</vt:lpwstr>
  </property>
  <property fmtid="{D5CDD505-2E9C-101B-9397-08002B2CF9AE}" pid="6" name="SWDocID">
    <vt:lpwstr/>
  </property>
</Properties>
</file>